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３　給付状況\ＸＬＳ\"/>
    </mc:Choice>
  </mc:AlternateContent>
  <bookViews>
    <workbookView xWindow="0" yWindow="0" windowWidth="20490" windowHeight="7185"/>
  </bookViews>
  <sheets>
    <sheet name="第15表6～8" sheetId="1" r:id="rId1"/>
  </sheets>
  <definedNames>
    <definedName name="_Fill" hidden="1">#REF!</definedName>
    <definedName name="_Key1" hidden="1">#REF!</definedName>
    <definedName name="_Order1" hidden="1">0</definedName>
    <definedName name="\a">#REF!</definedName>
    <definedName name="\b">#REF!</definedName>
    <definedName name="_xlnm.Print_Area" localSheetId="0">'第15表6～8'!$A$1:$BB$49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16" uniqueCount="133">
  <si>
    <t>第１５表　保険給付状況（前期高齢者分　再掲）－６</t>
    <rPh sb="0" eb="1">
      <t>ダイ</t>
    </rPh>
    <rPh sb="3" eb="4">
      <t>ヒョウ</t>
    </rPh>
    <rPh sb="5" eb="9">
      <t>ホケンキュウフ</t>
    </rPh>
    <rPh sb="9" eb="11">
      <t>ジョウキョウ</t>
    </rPh>
    <rPh sb="12" eb="14">
      <t>ゼンキ</t>
    </rPh>
    <rPh sb="14" eb="17">
      <t>コウレイシャ</t>
    </rPh>
    <rPh sb="17" eb="18">
      <t>ブン</t>
    </rPh>
    <rPh sb="19" eb="21">
      <t>サイケイ</t>
    </rPh>
    <phoneticPr fontId="0"/>
  </si>
  <si>
    <t>第１５表　保険給付状況（前期高齢者分　再掲）－７</t>
    <rPh sb="0" eb="1">
      <t>ダイ</t>
    </rPh>
    <rPh sb="3" eb="4">
      <t>ヒョウ</t>
    </rPh>
    <rPh sb="5" eb="9">
      <t>ホケンキュウフ</t>
    </rPh>
    <rPh sb="9" eb="11">
      <t>ジョウキョウ</t>
    </rPh>
    <rPh sb="12" eb="14">
      <t>ゼンキ</t>
    </rPh>
    <rPh sb="14" eb="17">
      <t>コウレイシャ</t>
    </rPh>
    <rPh sb="17" eb="18">
      <t>ブン</t>
    </rPh>
    <rPh sb="19" eb="21">
      <t>サイケイ</t>
    </rPh>
    <phoneticPr fontId="0"/>
  </si>
  <si>
    <t>第１５表　保険給付状況（前期高齢者分　再掲）－８</t>
    <rPh sb="0" eb="1">
      <t>ダイ</t>
    </rPh>
    <rPh sb="3" eb="4">
      <t>ヒョウ</t>
    </rPh>
    <rPh sb="5" eb="9">
      <t>ホケンキュウフ</t>
    </rPh>
    <rPh sb="9" eb="11">
      <t>ジョウキョウ</t>
    </rPh>
    <rPh sb="12" eb="14">
      <t>ゼンキ</t>
    </rPh>
    <rPh sb="14" eb="17">
      <t>コウレイシャ</t>
    </rPh>
    <rPh sb="17" eb="18">
      <t>ブン</t>
    </rPh>
    <rPh sb="19" eb="21">
      <t>サイケイ</t>
    </rPh>
    <phoneticPr fontId="0"/>
  </si>
  <si>
    <t>第１６表　保険給付状況(老人保健対象者を除く全被保険者分)－５</t>
    <phoneticPr fontId="0"/>
  </si>
  <si>
    <t>（単位：円）</t>
  </si>
  <si>
    <t>保険者名</t>
  </si>
  <si>
    <t>療 　　養　 　の　　 給　 　付　　 等</t>
    <phoneticPr fontId="0"/>
  </si>
  <si>
    <t>療　　養　　の　　給　　付　　等</t>
    <rPh sb="0" eb="1">
      <t>リョウ</t>
    </rPh>
    <rPh sb="3" eb="4">
      <t>オサム</t>
    </rPh>
    <rPh sb="9" eb="10">
      <t>キュウ</t>
    </rPh>
    <rPh sb="12" eb="13">
      <t>ヅケ</t>
    </rPh>
    <rPh sb="15" eb="16">
      <t>トウ</t>
    </rPh>
    <phoneticPr fontId="0"/>
  </si>
  <si>
    <t>療　　    養 　　   費　　    等</t>
    <phoneticPr fontId="0"/>
  </si>
  <si>
    <t>療  養  諸  費  計  (Ａ）
＜療養の給付等＋療養費＞</t>
    <rPh sb="20" eb="22">
      <t>リョウヨウ</t>
    </rPh>
    <rPh sb="23" eb="25">
      <t>キュウフ</t>
    </rPh>
    <rPh sb="25" eb="26">
      <t>トウ</t>
    </rPh>
    <rPh sb="27" eb="30">
      <t>リョウヨウヒ</t>
    </rPh>
    <phoneticPr fontId="0"/>
  </si>
  <si>
    <t>療  養  諸  費  費  用  額  負  担  区  分</t>
  </si>
  <si>
    <t>そ　　の　　他　　の　　保　　険　　給　　付</t>
  </si>
  <si>
    <t>診      　　　療　　　      費</t>
  </si>
  <si>
    <t>調剤</t>
    <rPh sb="0" eb="1">
      <t>チョウ</t>
    </rPh>
    <rPh sb="1" eb="2">
      <t>ザイ</t>
    </rPh>
    <phoneticPr fontId="0"/>
  </si>
  <si>
    <t>食事療養・生活療養</t>
    <rPh sb="5" eb="7">
      <t>セイカツ</t>
    </rPh>
    <rPh sb="7" eb="9">
      <t>リョウヨウ</t>
    </rPh>
    <phoneticPr fontId="0"/>
  </si>
  <si>
    <t>訪問看護</t>
    <phoneticPr fontId="0"/>
  </si>
  <si>
    <t>合計</t>
    <phoneticPr fontId="0"/>
  </si>
  <si>
    <t>食事療養   生活療養</t>
    <rPh sb="0" eb="2">
      <t>ショクジ</t>
    </rPh>
    <rPh sb="2" eb="4">
      <t>リョウヨウ</t>
    </rPh>
    <rPh sb="7" eb="9">
      <t>セイカツ</t>
    </rPh>
    <rPh sb="9" eb="11">
      <t>リョウヨウ</t>
    </rPh>
    <phoneticPr fontId="0"/>
  </si>
  <si>
    <t>療　養　費</t>
    <rPh sb="0" eb="1">
      <t>リョウ</t>
    </rPh>
    <rPh sb="2" eb="3">
      <t>オサム</t>
    </rPh>
    <rPh sb="4" eb="5">
      <t>ヒ</t>
    </rPh>
    <phoneticPr fontId="0"/>
  </si>
  <si>
    <t>海外療養費（再掲）</t>
    <rPh sb="0" eb="2">
      <t>カイガイ</t>
    </rPh>
    <rPh sb="2" eb="5">
      <t>リョウヨウヒ</t>
    </rPh>
    <rPh sb="6" eb="7">
      <t>サイ</t>
    </rPh>
    <rPh sb="7" eb="8">
      <t>ケイ</t>
    </rPh>
    <phoneticPr fontId="0"/>
  </si>
  <si>
    <t>移　送　費</t>
    <rPh sb="0" eb="1">
      <t>ウツリ</t>
    </rPh>
    <rPh sb="2" eb="3">
      <t>ソウ</t>
    </rPh>
    <rPh sb="4" eb="5">
      <t>ヒ</t>
    </rPh>
    <phoneticPr fontId="0"/>
  </si>
  <si>
    <t>高  額  療  養  費 (再掲)</t>
    <phoneticPr fontId="0"/>
  </si>
  <si>
    <t>入院</t>
    <phoneticPr fontId="0"/>
  </si>
  <si>
    <t>入院外</t>
    <phoneticPr fontId="0"/>
  </si>
  <si>
    <t>歯科</t>
    <phoneticPr fontId="0"/>
  </si>
  <si>
    <t>小計</t>
    <phoneticPr fontId="0"/>
  </si>
  <si>
    <t>保険者負担分</t>
  </si>
  <si>
    <t>一 部 負 担 金</t>
  </si>
  <si>
    <t>他法負担分</t>
    <phoneticPr fontId="0"/>
  </si>
  <si>
    <t>出産育児一時金</t>
    <rPh sb="4" eb="7">
      <t>イチジキン</t>
    </rPh>
    <phoneticPr fontId="0"/>
  </si>
  <si>
    <t>葬 祭 費</t>
    <rPh sb="4" eb="5">
      <t>ヒ</t>
    </rPh>
    <phoneticPr fontId="0"/>
  </si>
  <si>
    <t>その他</t>
  </si>
  <si>
    <t>合   計  (Ｂ)</t>
  </si>
  <si>
    <t>件　数</t>
  </si>
  <si>
    <t>日　数</t>
  </si>
  <si>
    <t>費 用 額 (円)</t>
  </si>
  <si>
    <t>処方箋枚数</t>
  </si>
  <si>
    <t>件 数</t>
  </si>
  <si>
    <t>件　数</t>
    <rPh sb="0" eb="1">
      <t>ケン</t>
    </rPh>
    <rPh sb="2" eb="3">
      <t>カズ</t>
    </rPh>
    <phoneticPr fontId="0"/>
  </si>
  <si>
    <t>費用額(円）</t>
  </si>
  <si>
    <t>件数</t>
    <rPh sb="0" eb="2">
      <t>ケンスウ</t>
    </rPh>
    <phoneticPr fontId="0"/>
  </si>
  <si>
    <t>費用額（円）</t>
    <rPh sb="0" eb="2">
      <t>ヒヨウ</t>
    </rPh>
    <rPh sb="2" eb="3">
      <t>ガク</t>
    </rPh>
    <rPh sb="4" eb="5">
      <t>エン</t>
    </rPh>
    <phoneticPr fontId="0"/>
  </si>
  <si>
    <t>費　用　額</t>
  </si>
  <si>
    <t xml:space="preserve"> 横浜市</t>
    <phoneticPr fontId="0"/>
  </si>
  <si>
    <t xml:space="preserve"> 横浜市</t>
    <phoneticPr fontId="0"/>
  </si>
  <si>
    <t xml:space="preserve"> 川崎市</t>
    <phoneticPr fontId="0"/>
  </si>
  <si>
    <t xml:space="preserve"> 川崎市</t>
    <phoneticPr fontId="0"/>
  </si>
  <si>
    <t xml:space="preserve"> 横須賀市</t>
    <phoneticPr fontId="0"/>
  </si>
  <si>
    <t xml:space="preserve"> 横須賀市</t>
    <phoneticPr fontId="0"/>
  </si>
  <si>
    <t xml:space="preserve"> 平塚市</t>
    <phoneticPr fontId="0"/>
  </si>
  <si>
    <t xml:space="preserve"> 平塚市</t>
    <phoneticPr fontId="0"/>
  </si>
  <si>
    <t xml:space="preserve"> 鎌倉市</t>
    <phoneticPr fontId="0"/>
  </si>
  <si>
    <t xml:space="preserve"> 藤沢市</t>
    <phoneticPr fontId="0"/>
  </si>
  <si>
    <t xml:space="preserve"> 小田原市</t>
    <phoneticPr fontId="0"/>
  </si>
  <si>
    <t xml:space="preserve"> 小田原市</t>
    <phoneticPr fontId="0"/>
  </si>
  <si>
    <t xml:space="preserve"> 茅ヶ崎市</t>
    <phoneticPr fontId="0"/>
  </si>
  <si>
    <t xml:space="preserve"> 逗子市</t>
    <phoneticPr fontId="0"/>
  </si>
  <si>
    <t xml:space="preserve"> 逗子市</t>
    <phoneticPr fontId="0"/>
  </si>
  <si>
    <t xml:space="preserve"> 相模原市</t>
    <phoneticPr fontId="0"/>
  </si>
  <si>
    <t xml:space="preserve"> 三浦市</t>
    <phoneticPr fontId="0"/>
  </si>
  <si>
    <t xml:space="preserve"> 秦野市</t>
    <phoneticPr fontId="0"/>
  </si>
  <si>
    <t xml:space="preserve"> 厚木市</t>
    <phoneticPr fontId="0"/>
  </si>
  <si>
    <t xml:space="preserve"> 大和市</t>
    <phoneticPr fontId="0"/>
  </si>
  <si>
    <t xml:space="preserve"> 伊勢原市</t>
    <phoneticPr fontId="0"/>
  </si>
  <si>
    <t xml:space="preserve"> 海老名市</t>
    <phoneticPr fontId="0"/>
  </si>
  <si>
    <t xml:space="preserve"> 座間市</t>
    <phoneticPr fontId="0"/>
  </si>
  <si>
    <t xml:space="preserve"> 座間市</t>
    <phoneticPr fontId="0"/>
  </si>
  <si>
    <t xml:space="preserve"> 南足柄市</t>
    <phoneticPr fontId="0"/>
  </si>
  <si>
    <t xml:space="preserve"> 綾瀬市</t>
    <phoneticPr fontId="0"/>
  </si>
  <si>
    <t xml:space="preserve"> 綾瀬市</t>
    <phoneticPr fontId="0"/>
  </si>
  <si>
    <t xml:space="preserve"> 葉山町</t>
    <phoneticPr fontId="0"/>
  </si>
  <si>
    <t xml:space="preserve"> 葉山町</t>
    <phoneticPr fontId="0"/>
  </si>
  <si>
    <t xml:space="preserve"> 寒川町</t>
    <phoneticPr fontId="0"/>
  </si>
  <si>
    <t xml:space="preserve"> 寒川町</t>
    <phoneticPr fontId="0"/>
  </si>
  <si>
    <t xml:space="preserve"> 寒川町</t>
    <phoneticPr fontId="0"/>
  </si>
  <si>
    <t xml:space="preserve"> 大磯町</t>
    <phoneticPr fontId="0"/>
  </si>
  <si>
    <t xml:space="preserve"> 大磯町</t>
    <phoneticPr fontId="0"/>
  </si>
  <si>
    <t xml:space="preserve"> 大磯町</t>
    <phoneticPr fontId="0"/>
  </si>
  <si>
    <t xml:space="preserve"> 二宮町</t>
    <phoneticPr fontId="0"/>
  </si>
  <si>
    <t xml:space="preserve"> 二宮町</t>
    <phoneticPr fontId="0"/>
  </si>
  <si>
    <t xml:space="preserve"> 中井町</t>
    <phoneticPr fontId="0"/>
  </si>
  <si>
    <t xml:space="preserve"> 中井町</t>
    <phoneticPr fontId="0"/>
  </si>
  <si>
    <t xml:space="preserve"> 大井町</t>
    <phoneticPr fontId="0"/>
  </si>
  <si>
    <t xml:space="preserve"> 大井町</t>
    <phoneticPr fontId="0"/>
  </si>
  <si>
    <t xml:space="preserve"> 大井町</t>
    <phoneticPr fontId="0"/>
  </si>
  <si>
    <t xml:space="preserve"> 松田町</t>
    <phoneticPr fontId="0"/>
  </si>
  <si>
    <t xml:space="preserve"> 松田町</t>
    <phoneticPr fontId="0"/>
  </si>
  <si>
    <t xml:space="preserve"> 松田町</t>
    <phoneticPr fontId="0"/>
  </si>
  <si>
    <t xml:space="preserve"> 山北町</t>
    <phoneticPr fontId="0"/>
  </si>
  <si>
    <t xml:space="preserve"> 山北町</t>
    <phoneticPr fontId="0"/>
  </si>
  <si>
    <t xml:space="preserve"> 山北町</t>
    <phoneticPr fontId="0"/>
  </si>
  <si>
    <t xml:space="preserve"> 開成町</t>
    <phoneticPr fontId="0"/>
  </si>
  <si>
    <t xml:space="preserve"> 開成町</t>
    <phoneticPr fontId="0"/>
  </si>
  <si>
    <t xml:space="preserve"> 箱根町</t>
    <phoneticPr fontId="0"/>
  </si>
  <si>
    <t xml:space="preserve"> 真鶴町</t>
    <phoneticPr fontId="0"/>
  </si>
  <si>
    <t xml:space="preserve"> 真鶴町</t>
    <phoneticPr fontId="0"/>
  </si>
  <si>
    <t xml:space="preserve"> 湯河原町</t>
    <phoneticPr fontId="0"/>
  </si>
  <si>
    <t xml:space="preserve"> 湯河原町</t>
    <phoneticPr fontId="0"/>
  </si>
  <si>
    <t xml:space="preserve"> 愛川町</t>
    <phoneticPr fontId="0"/>
  </si>
  <si>
    <t xml:space="preserve"> 愛川町</t>
    <phoneticPr fontId="0"/>
  </si>
  <si>
    <t xml:space="preserve"> 清川村</t>
    <phoneticPr fontId="0"/>
  </si>
  <si>
    <t xml:space="preserve"> 清川村</t>
    <phoneticPr fontId="0"/>
  </si>
  <si>
    <t xml:space="preserve"> 清川村</t>
    <phoneticPr fontId="0"/>
  </si>
  <si>
    <t>市町村計</t>
  </si>
  <si>
    <t xml:space="preserve"> 医　師</t>
    <phoneticPr fontId="0"/>
  </si>
  <si>
    <t xml:space="preserve"> 医　師</t>
    <phoneticPr fontId="0"/>
  </si>
  <si>
    <t xml:space="preserve"> 医　師</t>
    <phoneticPr fontId="0"/>
  </si>
  <si>
    <t>医　師</t>
  </si>
  <si>
    <t xml:space="preserve"> 歯科医師</t>
    <phoneticPr fontId="0"/>
  </si>
  <si>
    <t xml:space="preserve"> 歯科医師</t>
    <phoneticPr fontId="0"/>
  </si>
  <si>
    <t>歯科医師</t>
  </si>
  <si>
    <t xml:space="preserve"> 食品衛生</t>
    <phoneticPr fontId="0"/>
  </si>
  <si>
    <t xml:space="preserve"> 食品衛生</t>
    <phoneticPr fontId="0"/>
  </si>
  <si>
    <t>食品衛生</t>
  </si>
  <si>
    <t xml:space="preserve"> 薬剤師</t>
    <phoneticPr fontId="0"/>
  </si>
  <si>
    <t xml:space="preserve"> 薬剤師</t>
    <phoneticPr fontId="0"/>
  </si>
  <si>
    <t xml:space="preserve"> 薬剤師</t>
    <phoneticPr fontId="0"/>
  </si>
  <si>
    <t>薬剤師</t>
  </si>
  <si>
    <t xml:space="preserve"> 建設業</t>
    <phoneticPr fontId="0"/>
  </si>
  <si>
    <t xml:space="preserve"> 建設業</t>
    <phoneticPr fontId="0"/>
  </si>
  <si>
    <t xml:space="preserve"> 建設業</t>
    <phoneticPr fontId="0"/>
  </si>
  <si>
    <t>建設業</t>
  </si>
  <si>
    <t xml:space="preserve"> 建設連合</t>
    <phoneticPr fontId="0"/>
  </si>
  <si>
    <t xml:space="preserve"> 建設連合</t>
    <phoneticPr fontId="0"/>
  </si>
  <si>
    <t>建設連合</t>
  </si>
  <si>
    <t>組  合  計</t>
    <phoneticPr fontId="0"/>
  </si>
  <si>
    <t>組  合  計</t>
    <phoneticPr fontId="0"/>
  </si>
  <si>
    <t>組  合  計</t>
    <phoneticPr fontId="0"/>
  </si>
  <si>
    <t>組合計</t>
  </si>
  <si>
    <t>県　        　計</t>
    <phoneticPr fontId="0"/>
  </si>
  <si>
    <t>県　        　計</t>
    <phoneticPr fontId="0"/>
  </si>
  <si>
    <t>県　　計</t>
  </si>
  <si>
    <t>（注）｢療養の給付等｣中、｢食事療養｣の件数は｢合計｣の件数に含めない。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111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8"/>
      </bottom>
      <diagonal/>
    </border>
    <border>
      <left/>
      <right/>
      <top style="medium">
        <color indexed="64"/>
      </top>
      <bottom style="thin">
        <color indexed="8"/>
      </bottom>
      <diagonal/>
    </border>
    <border>
      <left/>
      <right style="medium">
        <color indexed="64"/>
      </right>
      <top style="medium">
        <color indexed="64"/>
      </top>
      <bottom style="thin">
        <color indexed="8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8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8"/>
      </left>
      <right/>
      <top style="medium">
        <color indexed="8"/>
      </top>
      <bottom/>
      <diagonal/>
    </border>
    <border>
      <left/>
      <right style="thin">
        <color indexed="8"/>
      </right>
      <top style="medium">
        <color indexed="8"/>
      </top>
      <bottom/>
      <diagonal/>
    </border>
    <border>
      <left/>
      <right/>
      <top style="medium">
        <color indexed="8"/>
      </top>
      <bottom/>
      <diagonal/>
    </border>
    <border>
      <left/>
      <right style="medium">
        <color indexed="8"/>
      </right>
      <top style="medium">
        <color indexed="8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double">
        <color indexed="8"/>
      </right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/>
      <diagonal/>
    </border>
    <border>
      <left style="thin">
        <color indexed="8"/>
      </left>
      <right/>
      <top style="thin">
        <color indexed="8"/>
      </top>
      <bottom style="thin">
        <color indexed="8"/>
      </bottom>
      <diagonal/>
    </border>
    <border>
      <left/>
      <right/>
      <top style="thin">
        <color indexed="8"/>
      </top>
      <bottom style="thin">
        <color indexed="8"/>
      </bottom>
      <diagonal/>
    </border>
    <border>
      <left/>
      <right style="thin">
        <color indexed="64"/>
      </right>
      <top style="thin">
        <color indexed="8"/>
      </top>
      <bottom style="thin">
        <color indexed="8"/>
      </bottom>
      <diagonal/>
    </border>
    <border>
      <left/>
      <right style="medium">
        <color indexed="64"/>
      </right>
      <top style="thin">
        <color indexed="8"/>
      </top>
      <bottom style="thin">
        <color indexed="8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8"/>
      </top>
      <bottom/>
      <diagonal/>
    </border>
    <border>
      <left/>
      <right/>
      <top style="thin">
        <color indexed="8"/>
      </top>
      <bottom/>
      <diagonal/>
    </border>
    <border>
      <left/>
      <right style="thin">
        <color indexed="64"/>
      </right>
      <top style="thin">
        <color indexed="8"/>
      </top>
      <bottom/>
      <diagonal/>
    </border>
    <border>
      <left/>
      <right style="thin">
        <color indexed="8"/>
      </right>
      <top style="thin">
        <color indexed="8"/>
      </top>
      <bottom/>
      <diagonal/>
    </border>
    <border>
      <left style="thin">
        <color indexed="8"/>
      </left>
      <right/>
      <top style="thin">
        <color indexed="8"/>
      </top>
      <bottom/>
      <diagonal/>
    </border>
    <border>
      <left/>
      <right style="medium">
        <color indexed="64"/>
      </right>
      <top style="thin">
        <color indexed="8"/>
      </top>
      <bottom/>
      <diagonal/>
    </border>
    <border>
      <left/>
      <right style="thin">
        <color indexed="8"/>
      </right>
      <top/>
      <bottom/>
      <diagonal/>
    </border>
    <border>
      <left style="thin">
        <color indexed="8"/>
      </left>
      <right/>
      <top/>
      <bottom/>
      <diagonal/>
    </border>
    <border>
      <left/>
      <right/>
      <top/>
      <bottom style="thin">
        <color indexed="8"/>
      </bottom>
      <diagonal/>
    </border>
    <border>
      <left/>
      <right style="medium">
        <color indexed="8"/>
      </right>
      <top/>
      <bottom/>
      <diagonal/>
    </border>
    <border>
      <left style="thin">
        <color indexed="64"/>
      </left>
      <right/>
      <top/>
      <bottom style="thin">
        <color indexed="8"/>
      </bottom>
      <diagonal/>
    </border>
    <border>
      <left/>
      <right style="double">
        <color indexed="8"/>
      </right>
      <top/>
      <bottom style="thin">
        <color indexed="8"/>
      </bottom>
      <diagonal/>
    </border>
    <border>
      <left/>
      <right style="thin">
        <color indexed="8"/>
      </right>
      <top style="thin">
        <color indexed="8"/>
      </top>
      <bottom style="thin">
        <color indexed="8"/>
      </bottom>
      <diagonal/>
    </border>
    <border>
      <left style="thin">
        <color indexed="64"/>
      </left>
      <right/>
      <top style="thin">
        <color indexed="8"/>
      </top>
      <bottom style="thin">
        <color indexed="8"/>
      </bottom>
      <diagonal/>
    </border>
    <border>
      <left/>
      <right style="thin">
        <color indexed="64"/>
      </right>
      <top/>
      <bottom style="thin">
        <color indexed="8"/>
      </bottom>
      <diagonal/>
    </border>
    <border>
      <left/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/>
      <top/>
      <bottom style="thin">
        <color indexed="8"/>
      </bottom>
      <diagonal/>
    </border>
    <border>
      <left/>
      <right style="medium">
        <color indexed="64"/>
      </right>
      <top/>
      <bottom style="thin">
        <color indexed="8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8"/>
      </left>
      <right style="thin">
        <color indexed="64"/>
      </right>
      <top style="thin">
        <color indexed="8"/>
      </top>
      <bottom/>
      <diagonal/>
    </border>
    <border>
      <left/>
      <right style="medium">
        <color indexed="8"/>
      </right>
      <top/>
      <bottom style="thin">
        <color indexed="8"/>
      </bottom>
      <diagonal/>
    </border>
    <border>
      <left style="medium">
        <color indexed="64"/>
      </left>
      <right/>
      <top/>
      <bottom style="double">
        <color indexed="8"/>
      </bottom>
      <diagonal/>
    </border>
    <border>
      <left/>
      <right/>
      <top/>
      <bottom style="double">
        <color indexed="8"/>
      </bottom>
      <diagonal/>
    </border>
    <border>
      <left style="thin">
        <color indexed="8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/>
      <top/>
      <bottom style="double">
        <color indexed="8"/>
      </bottom>
      <diagonal/>
    </border>
    <border>
      <left style="thin">
        <color indexed="8"/>
      </left>
      <right style="thin">
        <color indexed="64"/>
      </right>
      <top/>
      <bottom style="double">
        <color indexed="8"/>
      </bottom>
      <diagonal/>
    </border>
    <border>
      <left style="thin">
        <color indexed="64"/>
      </left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medium">
        <color indexed="64"/>
      </right>
      <top style="thin">
        <color indexed="8"/>
      </top>
      <bottom style="double">
        <color indexed="8"/>
      </bottom>
      <diagonal/>
    </border>
    <border>
      <left/>
      <right style="thin">
        <color indexed="64"/>
      </right>
      <top/>
      <bottom style="double">
        <color indexed="8"/>
      </bottom>
      <diagonal/>
    </border>
    <border>
      <left/>
      <right style="thin">
        <color indexed="8"/>
      </right>
      <top/>
      <bottom style="double">
        <color indexed="8"/>
      </bottom>
      <diagonal/>
    </border>
    <border>
      <left style="thin">
        <color indexed="8"/>
      </left>
      <right style="medium">
        <color indexed="64"/>
      </right>
      <top/>
      <bottom style="double">
        <color indexed="8"/>
      </bottom>
      <diagonal/>
    </border>
    <border>
      <left style="thin">
        <color indexed="64"/>
      </left>
      <right style="thin">
        <color indexed="8"/>
      </right>
      <top style="thin">
        <color indexed="64"/>
      </top>
      <bottom style="double">
        <color indexed="8"/>
      </bottom>
      <diagonal/>
    </border>
    <border>
      <left style="thin">
        <color indexed="64"/>
      </left>
      <right/>
      <top/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thin">
        <color indexed="8"/>
      </top>
      <bottom style="double">
        <color indexed="8"/>
      </bottom>
      <diagonal/>
    </border>
    <border>
      <left style="thin">
        <color indexed="8"/>
      </left>
      <right style="medium">
        <color indexed="8"/>
      </right>
      <top/>
      <bottom style="double">
        <color indexed="8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8"/>
      </right>
      <top style="double">
        <color indexed="8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8"/>
      </left>
      <right/>
      <top style="double">
        <color indexed="8"/>
      </top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8"/>
      </left>
      <right/>
      <top/>
      <bottom style="thin">
        <color indexed="64"/>
      </bottom>
      <diagonal/>
    </border>
    <border>
      <left style="thin">
        <color indexed="64"/>
      </left>
      <right style="medium">
        <color indexed="8"/>
      </right>
      <top/>
      <bottom style="thin">
        <color indexed="64"/>
      </bottom>
      <diagonal/>
    </border>
    <border>
      <left style="medium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medium">
        <color indexed="8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8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8"/>
      </right>
      <top/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8"/>
      </right>
      <top style="double">
        <color indexed="64"/>
      </top>
      <bottom style="double">
        <color indexed="64"/>
      </bottom>
      <diagonal/>
    </border>
    <border>
      <left style="thin">
        <color indexed="8"/>
      </left>
      <right/>
      <top style="double">
        <color indexed="8"/>
      </top>
      <bottom style="double">
        <color indexed="8"/>
      </bottom>
      <diagonal/>
    </border>
    <border>
      <left style="thin">
        <color indexed="8"/>
      </left>
      <right style="medium">
        <color indexed="8"/>
      </right>
      <top style="double">
        <color indexed="8"/>
      </top>
      <bottom style="double">
        <color indexed="8"/>
      </bottom>
      <diagonal/>
    </border>
    <border>
      <left style="thin">
        <color indexed="64"/>
      </left>
      <right/>
      <top style="double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64"/>
      </right>
      <top style="double">
        <color indexed="8"/>
      </top>
      <bottom style="double">
        <color indexed="8"/>
      </bottom>
      <diagonal/>
    </border>
    <border>
      <left/>
      <right/>
      <top style="double">
        <color indexed="8"/>
      </top>
      <bottom style="double">
        <color indexed="8"/>
      </bottom>
      <diagonal/>
    </border>
    <border>
      <left style="thin">
        <color indexed="8"/>
      </left>
      <right style="medium">
        <color indexed="64"/>
      </right>
      <top style="double">
        <color indexed="8"/>
      </top>
      <bottom style="double">
        <color indexed="8"/>
      </bottom>
      <diagonal/>
    </border>
    <border>
      <left style="thin">
        <color indexed="8"/>
      </left>
      <right style="thin">
        <color indexed="8"/>
      </right>
      <top style="double">
        <color indexed="8"/>
      </top>
      <bottom style="double">
        <color indexed="8"/>
      </bottom>
      <diagonal/>
    </border>
    <border>
      <left/>
      <right/>
      <top style="double">
        <color indexed="64"/>
      </top>
      <bottom style="double">
        <color indexed="64"/>
      </bottom>
      <diagonal/>
    </border>
    <border>
      <left style="thin">
        <color indexed="8"/>
      </left>
      <right/>
      <top style="double">
        <color indexed="64"/>
      </top>
      <bottom style="double">
        <color indexed="64"/>
      </bottom>
      <diagonal/>
    </border>
    <border>
      <left style="thin">
        <color indexed="8"/>
      </left>
      <right style="medium">
        <color indexed="8"/>
      </right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thin">
        <color indexed="8"/>
      </left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8"/>
      </right>
      <top style="double">
        <color indexed="64"/>
      </top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8"/>
      </bottom>
      <diagonal/>
    </border>
    <border>
      <left style="thin">
        <color indexed="8"/>
      </left>
      <right style="medium">
        <color indexed="8"/>
      </right>
      <top/>
      <bottom style="thin">
        <color indexed="8"/>
      </bottom>
      <diagonal/>
    </border>
    <border>
      <left/>
      <right/>
      <top style="thin">
        <color indexed="64"/>
      </top>
      <bottom style="thin">
        <color indexed="8"/>
      </bottom>
      <diagonal/>
    </border>
    <border>
      <left style="thin">
        <color indexed="8"/>
      </left>
      <right/>
      <top style="thin">
        <color indexed="64"/>
      </top>
      <bottom style="thin">
        <color indexed="8"/>
      </bottom>
      <diagonal/>
    </border>
    <border>
      <left style="thin">
        <color indexed="8"/>
      </left>
      <right style="medium">
        <color indexed="8"/>
      </right>
      <top style="thin">
        <color indexed="64"/>
      </top>
      <bottom style="thin">
        <color indexed="8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8"/>
      </right>
      <top style="double">
        <color indexed="64"/>
      </top>
      <bottom style="medium">
        <color indexed="64"/>
      </bottom>
      <diagonal/>
    </border>
    <border>
      <left style="thin">
        <color indexed="8"/>
      </left>
      <right/>
      <top/>
      <bottom style="medium">
        <color indexed="64"/>
      </bottom>
      <diagonal/>
    </border>
    <border>
      <left style="thin">
        <color indexed="8"/>
      </left>
      <right style="medium">
        <color indexed="8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8"/>
      </left>
      <right style="thin">
        <color indexed="64"/>
      </right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8"/>
      </left>
      <right style="medium">
        <color indexed="64"/>
      </right>
      <top/>
      <bottom style="medium">
        <color indexed="64"/>
      </bottom>
      <diagonal/>
    </border>
    <border>
      <left style="thin">
        <color indexed="8"/>
      </left>
      <right style="thin">
        <color indexed="8"/>
      </right>
      <top/>
      <bottom style="medium">
        <color indexed="64"/>
      </bottom>
      <diagonal/>
    </border>
    <border>
      <left/>
      <right/>
      <top/>
      <bottom style="medium">
        <color indexed="8"/>
      </bottom>
      <diagonal/>
    </border>
    <border>
      <left style="thin">
        <color indexed="8"/>
      </left>
      <right/>
      <top/>
      <bottom style="medium">
        <color indexed="8"/>
      </bottom>
      <diagonal/>
    </border>
    <border>
      <left style="thin">
        <color indexed="8"/>
      </left>
      <right style="medium">
        <color indexed="8"/>
      </right>
      <top/>
      <bottom style="medium">
        <color indexed="8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8"/>
      </left>
      <right style="thin">
        <color indexed="8"/>
      </right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171">
    <xf numFmtId="0" fontId="0" fillId="0" borderId="0" xfId="0"/>
    <xf numFmtId="0" fontId="1" fillId="0" borderId="0" xfId="0" applyFont="1" applyBorder="1" applyProtection="1"/>
    <xf numFmtId="0" fontId="3" fillId="0" borderId="0" xfId="0" applyFont="1" applyBorder="1" applyProtection="1"/>
    <xf numFmtId="0" fontId="3" fillId="0" borderId="0" xfId="0" applyFont="1"/>
    <xf numFmtId="0" fontId="3" fillId="0" borderId="0" xfId="0" applyFont="1" applyBorder="1" applyAlignment="1" applyProtection="1">
      <alignment horizontal="centerContinuous" vertical="center"/>
    </xf>
    <xf numFmtId="0" fontId="3" fillId="0" borderId="0" xfId="0" applyFont="1" applyBorder="1" applyAlignment="1" applyProtection="1">
      <alignment horizontal="right"/>
    </xf>
    <xf numFmtId="0" fontId="3" fillId="0" borderId="9" xfId="0" applyFont="1" applyBorder="1" applyAlignment="1" applyProtection="1"/>
    <xf numFmtId="0" fontId="3" fillId="0" borderId="12" xfId="0" applyFont="1" applyBorder="1" applyAlignment="1" applyProtection="1">
      <alignment horizontal="centerContinuous"/>
    </xf>
    <xf numFmtId="0" fontId="3" fillId="0" borderId="0" xfId="0" applyFont="1" applyAlignment="1"/>
    <xf numFmtId="0" fontId="3" fillId="0" borderId="18" xfId="0" applyFont="1" applyBorder="1" applyAlignment="1" applyProtection="1">
      <alignment horizontal="centerContinuous"/>
    </xf>
    <xf numFmtId="0" fontId="3" fillId="0" borderId="19" xfId="0" applyFont="1" applyBorder="1" applyAlignment="1" applyProtection="1">
      <alignment horizontal="centerContinuous"/>
    </xf>
    <xf numFmtId="0" fontId="3" fillId="0" borderId="20" xfId="0" applyFont="1" applyBorder="1" applyAlignment="1" applyProtection="1">
      <alignment horizontal="centerContinuous"/>
    </xf>
    <xf numFmtId="0" fontId="3" fillId="0" borderId="21" xfId="0" applyFont="1" applyBorder="1" applyAlignment="1" applyProtection="1">
      <alignment horizontal="centerContinuous"/>
    </xf>
    <xf numFmtId="0" fontId="3" fillId="0" borderId="30" xfId="0" applyFont="1" applyBorder="1" applyAlignment="1" applyProtection="1">
      <alignment horizontal="centerContinuous"/>
    </xf>
    <xf numFmtId="0" fontId="3" fillId="0" borderId="32" xfId="0" applyFont="1" applyBorder="1" applyAlignment="1" applyProtection="1">
      <alignment horizontal="centerContinuous"/>
    </xf>
    <xf numFmtId="0" fontId="3" fillId="0" borderId="39" xfId="0" applyFont="1" applyBorder="1" applyAlignment="1" applyProtection="1">
      <alignment vertical="center"/>
    </xf>
    <xf numFmtId="0" fontId="3" fillId="0" borderId="43" xfId="0" applyFont="1" applyBorder="1" applyAlignment="1" applyProtection="1">
      <alignment vertical="center"/>
    </xf>
    <xf numFmtId="0" fontId="3" fillId="0" borderId="33" xfId="0" applyFont="1" applyBorder="1" applyAlignment="1" applyProtection="1">
      <alignment horizontal="centerContinuous" vertical="center"/>
    </xf>
    <xf numFmtId="0" fontId="3" fillId="0" borderId="31" xfId="0" applyFont="1" applyBorder="1" applyAlignment="1" applyProtection="1">
      <alignment horizontal="centerContinuous" vertical="center"/>
    </xf>
    <xf numFmtId="0" fontId="3" fillId="0" borderId="18" xfId="0" applyFont="1" applyBorder="1" applyAlignment="1" applyProtection="1">
      <alignment horizontal="centerContinuous" vertical="center"/>
    </xf>
    <xf numFmtId="0" fontId="3" fillId="0" borderId="19" xfId="0" applyFont="1" applyBorder="1" applyAlignment="1" applyProtection="1">
      <alignment horizontal="centerContinuous" vertical="center"/>
    </xf>
    <xf numFmtId="0" fontId="3" fillId="0" borderId="39" xfId="0" applyFont="1" applyBorder="1" applyAlignment="1" applyProtection="1">
      <alignment horizontal="centerContinuous" vertical="center"/>
    </xf>
    <xf numFmtId="0" fontId="3" fillId="0" borderId="35" xfId="0" applyFont="1" applyBorder="1" applyAlignment="1" applyProtection="1">
      <alignment horizontal="centerContinuous" vertical="center"/>
    </xf>
    <xf numFmtId="0" fontId="3" fillId="0" borderId="0" xfId="0" applyFont="1" applyAlignment="1">
      <alignment vertical="center"/>
    </xf>
    <xf numFmtId="0" fontId="3" fillId="0" borderId="46" xfId="0" applyFont="1" applyBorder="1" applyAlignment="1" applyProtection="1">
      <alignment horizontal="center" vertical="center"/>
    </xf>
    <xf numFmtId="0" fontId="3" fillId="0" borderId="45" xfId="0" applyFont="1" applyBorder="1" applyAlignment="1" applyProtection="1">
      <alignment horizontal="center" vertical="center"/>
    </xf>
    <xf numFmtId="0" fontId="3" fillId="0" borderId="47" xfId="0" applyFont="1" applyBorder="1" applyAlignment="1" applyProtection="1">
      <alignment horizontal="center" vertical="center"/>
    </xf>
    <xf numFmtId="0" fontId="3" fillId="0" borderId="48" xfId="0" applyFont="1" applyBorder="1" applyAlignment="1" applyProtection="1">
      <alignment horizontal="center" vertical="center"/>
    </xf>
    <xf numFmtId="0" fontId="3" fillId="0" borderId="49" xfId="0" applyFont="1" applyBorder="1" applyAlignment="1" applyProtection="1">
      <alignment horizontal="center" vertical="center"/>
    </xf>
    <xf numFmtId="0" fontId="3" fillId="0" borderId="50" xfId="0" applyFont="1" applyBorder="1" applyAlignment="1" applyProtection="1">
      <alignment horizontal="center" vertical="center"/>
    </xf>
    <xf numFmtId="0" fontId="3" fillId="0" borderId="52" xfId="0" applyFont="1" applyBorder="1" applyAlignment="1" applyProtection="1">
      <alignment horizontal="center" vertical="center"/>
    </xf>
    <xf numFmtId="0" fontId="3" fillId="0" borderId="53" xfId="0" applyFont="1" applyBorder="1" applyAlignment="1" applyProtection="1">
      <alignment horizontal="center" vertical="center"/>
    </xf>
    <xf numFmtId="0" fontId="3" fillId="0" borderId="54" xfId="0" applyFont="1" applyBorder="1" applyAlignment="1" applyProtection="1">
      <alignment horizontal="center" vertical="center" wrapText="1" justifyLastLine="1"/>
    </xf>
    <xf numFmtId="0" fontId="3" fillId="0" borderId="56" xfId="0" applyFont="1" applyBorder="1" applyAlignment="1" applyProtection="1">
      <alignment horizontal="center" vertical="center"/>
    </xf>
    <xf numFmtId="0" fontId="3" fillId="0" borderId="57" xfId="0" applyFont="1" applyBorder="1" applyAlignment="1" applyProtection="1">
      <alignment horizontal="center" vertical="center"/>
    </xf>
    <xf numFmtId="0" fontId="3" fillId="0" borderId="17" xfId="0" applyFont="1" applyBorder="1" applyAlignment="1" applyProtection="1"/>
    <xf numFmtId="0" fontId="5" fillId="0" borderId="58" xfId="0" applyFont="1" applyBorder="1" applyAlignment="1" applyProtection="1">
      <alignment horizontal="left"/>
    </xf>
    <xf numFmtId="38" fontId="3" fillId="0" borderId="41" xfId="1" quotePrefix="1" applyFont="1" applyBorder="1" applyAlignment="1" applyProtection="1"/>
    <xf numFmtId="38" fontId="3" fillId="0" borderId="59" xfId="1" quotePrefix="1" applyFont="1" applyBorder="1" applyAlignment="1" applyProtection="1"/>
    <xf numFmtId="38" fontId="3" fillId="0" borderId="58" xfId="1" quotePrefix="1" applyFont="1" applyBorder="1" applyAlignment="1" applyProtection="1"/>
    <xf numFmtId="38" fontId="3" fillId="0" borderId="60" xfId="1" quotePrefix="1" applyFont="1" applyBorder="1" applyAlignment="1" applyProtection="1"/>
    <xf numFmtId="38" fontId="3" fillId="0" borderId="61" xfId="1" quotePrefix="1" applyFont="1" applyBorder="1" applyAlignment="1" applyProtection="1"/>
    <xf numFmtId="38" fontId="3" fillId="0" borderId="62" xfId="1" quotePrefix="1" applyFont="1" applyBorder="1" applyAlignment="1" applyProtection="1"/>
    <xf numFmtId="38" fontId="3" fillId="0" borderId="63" xfId="1" quotePrefix="1" applyFont="1" applyBorder="1" applyAlignment="1" applyProtection="1"/>
    <xf numFmtId="38" fontId="3" fillId="0" borderId="64" xfId="1" quotePrefix="1" applyFont="1" applyBorder="1" applyAlignment="1" applyProtection="1"/>
    <xf numFmtId="38" fontId="3" fillId="0" borderId="65" xfId="1" quotePrefix="1" applyFont="1" applyBorder="1" applyAlignment="1" applyProtection="1"/>
    <xf numFmtId="0" fontId="3" fillId="0" borderId="66" xfId="0" applyFont="1" applyBorder="1" applyAlignment="1" applyProtection="1"/>
    <xf numFmtId="0" fontId="5" fillId="0" borderId="67" xfId="0" applyFont="1" applyBorder="1" applyAlignment="1" applyProtection="1">
      <alignment horizontal="left"/>
    </xf>
    <xf numFmtId="38" fontId="3" fillId="0" borderId="68" xfId="1" quotePrefix="1" applyFont="1" applyBorder="1" applyAlignment="1" applyProtection="1"/>
    <xf numFmtId="38" fontId="3" fillId="0" borderId="69" xfId="1" quotePrefix="1" applyFont="1" applyBorder="1" applyAlignment="1" applyProtection="1"/>
    <xf numFmtId="38" fontId="3" fillId="0" borderId="67" xfId="1" quotePrefix="1" applyFont="1" applyBorder="1" applyAlignment="1" applyProtection="1"/>
    <xf numFmtId="38" fontId="3" fillId="0" borderId="70" xfId="1" quotePrefix="1" applyFont="1" applyBorder="1" applyAlignment="1" applyProtection="1"/>
    <xf numFmtId="38" fontId="3" fillId="0" borderId="71" xfId="1" quotePrefix="1" applyFont="1" applyBorder="1" applyAlignment="1" applyProtection="1"/>
    <xf numFmtId="38" fontId="3" fillId="0" borderId="72" xfId="1" quotePrefix="1" applyFont="1" applyBorder="1" applyAlignment="1" applyProtection="1"/>
    <xf numFmtId="38" fontId="3" fillId="0" borderId="73" xfId="1" quotePrefix="1" applyFont="1" applyBorder="1" applyAlignment="1" applyProtection="1"/>
    <xf numFmtId="38" fontId="3" fillId="0" borderId="74" xfId="1" quotePrefix="1" applyFont="1" applyBorder="1" applyAlignment="1" applyProtection="1"/>
    <xf numFmtId="38" fontId="3" fillId="0" borderId="77" xfId="1" applyFont="1" applyBorder="1" applyAlignment="1" applyProtection="1"/>
    <xf numFmtId="38" fontId="3" fillId="0" borderId="78" xfId="1" applyFont="1" applyBorder="1" applyAlignment="1" applyProtection="1"/>
    <xf numFmtId="38" fontId="3" fillId="0" borderId="79" xfId="1" applyFont="1" applyBorder="1" applyAlignment="1" applyProtection="1"/>
    <xf numFmtId="38" fontId="3" fillId="0" borderId="80" xfId="1" applyFont="1" applyBorder="1" applyAlignment="1" applyProtection="1"/>
    <xf numFmtId="38" fontId="3" fillId="0" borderId="81" xfId="1" applyFont="1" applyBorder="1" applyAlignment="1" applyProtection="1"/>
    <xf numFmtId="38" fontId="3" fillId="0" borderId="82" xfId="1" applyFont="1" applyBorder="1" applyAlignment="1" applyProtection="1"/>
    <xf numFmtId="38" fontId="3" fillId="0" borderId="83" xfId="1" applyFont="1" applyBorder="1" applyAlignment="1" applyProtection="1"/>
    <xf numFmtId="38" fontId="3" fillId="0" borderId="84" xfId="1" applyFont="1" applyBorder="1" applyAlignment="1" applyProtection="1"/>
    <xf numFmtId="38" fontId="3" fillId="0" borderId="85" xfId="1" applyFont="1" applyBorder="1" applyAlignment="1" applyProtection="1"/>
    <xf numFmtId="38" fontId="3" fillId="0" borderId="86" xfId="1" applyFont="1" applyBorder="1" applyAlignment="1" applyProtection="1"/>
    <xf numFmtId="0" fontId="3" fillId="0" borderId="70" xfId="0" applyFont="1" applyBorder="1" applyAlignment="1">
      <alignment horizontal="centerContinuous"/>
    </xf>
    <xf numFmtId="0" fontId="3" fillId="0" borderId="87" xfId="0" applyFont="1" applyBorder="1" applyAlignment="1" applyProtection="1">
      <alignment horizontal="centerContinuous"/>
    </xf>
    <xf numFmtId="38" fontId="3" fillId="0" borderId="0" xfId="0" applyNumberFormat="1" applyFont="1" applyAlignment="1"/>
    <xf numFmtId="38" fontId="3" fillId="0" borderId="88" xfId="1" quotePrefix="1" applyFont="1" applyBorder="1" applyAlignment="1" applyProtection="1"/>
    <xf numFmtId="38" fontId="3" fillId="0" borderId="89" xfId="1" quotePrefix="1" applyFont="1" applyBorder="1" applyAlignment="1" applyProtection="1"/>
    <xf numFmtId="38" fontId="3" fillId="0" borderId="90" xfId="1" quotePrefix="1" applyFont="1" applyBorder="1" applyAlignment="1" applyProtection="1"/>
    <xf numFmtId="38" fontId="3" fillId="0" borderId="91" xfId="1" quotePrefix="1" applyFont="1" applyBorder="1" applyAlignment="1" applyProtection="1"/>
    <xf numFmtId="0" fontId="3" fillId="0" borderId="0" xfId="0" applyFont="1" applyBorder="1" applyAlignment="1" applyProtection="1"/>
    <xf numFmtId="0" fontId="3" fillId="0" borderId="58" xfId="0" applyFont="1" applyBorder="1" applyAlignment="1" applyProtection="1">
      <alignment horizontal="left"/>
    </xf>
    <xf numFmtId="38" fontId="3" fillId="0" borderId="33" xfId="1" applyFont="1" applyBorder="1" applyAlignment="1" applyProtection="1"/>
    <xf numFmtId="38" fontId="3" fillId="0" borderId="39" xfId="1" applyFont="1" applyBorder="1" applyAlignment="1" applyProtection="1"/>
    <xf numFmtId="38" fontId="3" fillId="0" borderId="92" xfId="1" applyFont="1" applyBorder="1" applyAlignment="1" applyProtection="1"/>
    <xf numFmtId="38" fontId="3" fillId="0" borderId="93" xfId="1" applyFont="1" applyBorder="1" applyAlignment="1" applyProtection="1"/>
    <xf numFmtId="38" fontId="3" fillId="0" borderId="94" xfId="1" applyFont="1" applyBorder="1" applyAlignment="1" applyProtection="1"/>
    <xf numFmtId="38" fontId="3" fillId="0" borderId="95" xfId="1" applyFont="1" applyBorder="1" applyAlignment="1" applyProtection="1"/>
    <xf numFmtId="38" fontId="3" fillId="0" borderId="96" xfId="1" applyFont="1" applyBorder="1" applyAlignment="1" applyProtection="1"/>
    <xf numFmtId="38" fontId="3" fillId="0" borderId="31" xfId="1" applyFont="1" applyBorder="1" applyAlignment="1" applyProtection="1"/>
    <xf numFmtId="0" fontId="3" fillId="0" borderId="70" xfId="0" applyFont="1" applyBorder="1" applyAlignment="1" applyProtection="1"/>
    <xf numFmtId="0" fontId="3" fillId="0" borderId="67" xfId="0" applyFont="1" applyBorder="1" applyAlignment="1" applyProtection="1">
      <alignment horizontal="left"/>
    </xf>
    <xf numFmtId="38" fontId="3" fillId="0" borderId="99" xfId="1" applyFont="1" applyBorder="1" applyAlignment="1" applyProtection="1"/>
    <xf numFmtId="38" fontId="3" fillId="0" borderId="100" xfId="1" applyFont="1" applyBorder="1" applyAlignment="1" applyProtection="1"/>
    <xf numFmtId="38" fontId="3" fillId="0" borderId="101" xfId="1" applyFont="1" applyBorder="1" applyAlignment="1" applyProtection="1"/>
    <xf numFmtId="38" fontId="3" fillId="0" borderId="102" xfId="1" applyFont="1" applyBorder="1" applyAlignment="1" applyProtection="1"/>
    <xf numFmtId="38" fontId="3" fillId="0" borderId="103" xfId="1" applyFont="1" applyBorder="1" applyAlignment="1" applyProtection="1"/>
    <xf numFmtId="38" fontId="3" fillId="0" borderId="104" xfId="1" applyFont="1" applyBorder="1" applyAlignment="1" applyProtection="1"/>
    <xf numFmtId="38" fontId="3" fillId="0" borderId="105" xfId="1" applyFont="1" applyBorder="1" applyAlignment="1" applyProtection="1"/>
    <xf numFmtId="38" fontId="3" fillId="0" borderId="106" xfId="1" applyFont="1" applyBorder="1" applyAlignment="1" applyProtection="1"/>
    <xf numFmtId="38" fontId="3" fillId="0" borderId="107" xfId="1" applyFont="1" applyBorder="1" applyAlignment="1" applyProtection="1"/>
    <xf numFmtId="38" fontId="3" fillId="0" borderId="108" xfId="1" applyFont="1" applyBorder="1" applyAlignment="1" applyProtection="1"/>
    <xf numFmtId="0" fontId="3" fillId="0" borderId="60" xfId="0" applyFont="1" applyBorder="1" applyAlignment="1">
      <alignment horizontal="centerContinuous"/>
    </xf>
    <xf numFmtId="0" fontId="3" fillId="0" borderId="109" xfId="0" applyFont="1" applyBorder="1" applyAlignment="1" applyProtection="1">
      <alignment horizontal="centerContinuous"/>
    </xf>
    <xf numFmtId="38" fontId="3" fillId="0" borderId="41" xfId="1" applyFont="1" applyBorder="1" applyAlignment="1" applyProtection="1"/>
    <xf numFmtId="38" fontId="3" fillId="0" borderId="64" xfId="1" applyFont="1" applyBorder="1" applyAlignment="1" applyProtection="1"/>
    <xf numFmtId="38" fontId="3" fillId="0" borderId="110" xfId="1" applyFont="1" applyBorder="1" applyAlignment="1" applyProtection="1"/>
    <xf numFmtId="0" fontId="3" fillId="0" borderId="97" xfId="0" applyFont="1" applyBorder="1" applyAlignment="1">
      <alignment horizontal="distributed" justifyLastLine="1"/>
    </xf>
    <xf numFmtId="0" fontId="3" fillId="0" borderId="98" xfId="0" applyFont="1" applyBorder="1" applyAlignment="1">
      <alignment horizontal="distributed" justifyLastLine="1"/>
    </xf>
    <xf numFmtId="0" fontId="3" fillId="0" borderId="75" xfId="0" applyFont="1" applyBorder="1" applyAlignment="1">
      <alignment horizontal="distributed" justifyLastLine="1"/>
    </xf>
    <xf numFmtId="0" fontId="3" fillId="0" borderId="76" xfId="0" applyFont="1" applyBorder="1" applyAlignment="1">
      <alignment horizontal="distributed" justifyLastLine="1"/>
    </xf>
    <xf numFmtId="0" fontId="3" fillId="0" borderId="18" xfId="0" applyFont="1" applyBorder="1" applyAlignment="1" applyProtection="1">
      <alignment horizontal="distributed" vertical="center" justifyLastLine="1"/>
    </xf>
    <xf numFmtId="0" fontId="3" fillId="0" borderId="19" xfId="0" applyFont="1" applyBorder="1" applyAlignment="1">
      <alignment horizontal="distributed" vertical="center" justifyLastLine="1"/>
    </xf>
    <xf numFmtId="0" fontId="3" fillId="0" borderId="20" xfId="0" applyFont="1" applyBorder="1" applyAlignment="1">
      <alignment horizontal="distributed" vertical="center" justifyLastLine="1"/>
    </xf>
    <xf numFmtId="0" fontId="3" fillId="0" borderId="36" xfId="0" applyFont="1" applyBorder="1" applyAlignment="1" applyProtection="1">
      <alignment horizontal="distributed" vertical="center" justifyLastLine="1"/>
    </xf>
    <xf numFmtId="0" fontId="3" fillId="0" borderId="35" xfId="0" applyFont="1" applyBorder="1" applyAlignment="1">
      <alignment horizontal="distributed" vertical="center" justifyLastLine="1"/>
    </xf>
    <xf numFmtId="0" fontId="3" fillId="0" borderId="21" xfId="0" applyFont="1" applyBorder="1" applyAlignment="1">
      <alignment horizontal="distributed" vertical="center" justifyLastLine="1"/>
    </xf>
    <xf numFmtId="0" fontId="3" fillId="0" borderId="26" xfId="0" applyFont="1" applyBorder="1" applyAlignment="1" applyProtection="1">
      <alignment horizontal="distributed" vertical="center" justifyLastLine="1"/>
    </xf>
    <xf numFmtId="0" fontId="3" fillId="0" borderId="52" xfId="0" applyFont="1" applyBorder="1" applyAlignment="1" applyProtection="1">
      <alignment horizontal="distributed" vertical="center" justifyLastLine="1"/>
    </xf>
    <xf numFmtId="0" fontId="3" fillId="0" borderId="42" xfId="0" applyFont="1" applyBorder="1" applyAlignment="1" applyProtection="1">
      <alignment horizontal="distributed" vertical="center" justifyLastLine="1"/>
    </xf>
    <xf numFmtId="0" fontId="3" fillId="0" borderId="48" xfId="0" applyFont="1" applyBorder="1" applyAlignment="1">
      <alignment horizontal="distributed" vertical="center" justifyLastLine="1"/>
    </xf>
    <xf numFmtId="0" fontId="3" fillId="0" borderId="23" xfId="0" applyFont="1" applyBorder="1" applyAlignment="1" applyProtection="1">
      <alignment horizontal="center" vertical="center" justifyLastLine="1"/>
    </xf>
    <xf numFmtId="0" fontId="3" fillId="0" borderId="55" xfId="0" applyFont="1" applyBorder="1" applyAlignment="1" applyProtection="1">
      <alignment horizontal="center" vertical="center" justifyLastLine="1"/>
    </xf>
    <xf numFmtId="0" fontId="3" fillId="0" borderId="9" xfId="0" applyFont="1" applyBorder="1" applyAlignment="1" applyProtection="1">
      <alignment horizontal="center" vertical="center" wrapText="1"/>
    </xf>
    <xf numFmtId="0" fontId="3" fillId="0" borderId="10" xfId="0" applyFont="1" applyBorder="1" applyAlignment="1" applyProtection="1">
      <alignment horizontal="center" vertical="center" wrapText="1"/>
    </xf>
    <xf numFmtId="0" fontId="3" fillId="0" borderId="30" xfId="0" applyFont="1" applyBorder="1" applyAlignment="1" applyProtection="1">
      <alignment horizontal="center" vertical="center" wrapText="1"/>
    </xf>
    <xf numFmtId="0" fontId="3" fillId="0" borderId="29" xfId="0" applyFont="1" applyBorder="1" applyAlignment="1" applyProtection="1">
      <alignment horizontal="center" vertical="center" wrapText="1"/>
    </xf>
    <xf numFmtId="0" fontId="3" fillId="0" borderId="39" xfId="0" applyFont="1" applyBorder="1" applyAlignment="1" applyProtection="1">
      <alignment horizontal="center" vertical="center" wrapText="1"/>
    </xf>
    <xf numFmtId="0" fontId="3" fillId="0" borderId="38" xfId="0" applyFont="1" applyBorder="1" applyAlignment="1" applyProtection="1">
      <alignment horizontal="center" vertical="center" wrapText="1"/>
    </xf>
    <xf numFmtId="0" fontId="3" fillId="0" borderId="11" xfId="0" applyFont="1" applyBorder="1" applyAlignment="1" applyProtection="1">
      <alignment horizontal="center" vertical="center"/>
    </xf>
    <xf numFmtId="0" fontId="3" fillId="0" borderId="31" xfId="0" applyFont="1" applyBorder="1" applyAlignment="1" applyProtection="1">
      <alignment horizontal="center" vertical="center"/>
    </xf>
    <xf numFmtId="0" fontId="3" fillId="0" borderId="13" xfId="0" applyFont="1" applyBorder="1" applyAlignment="1" applyProtection="1">
      <alignment horizontal="center" vertical="center"/>
    </xf>
    <xf numFmtId="0" fontId="3" fillId="0" borderId="0" xfId="0" applyFont="1" applyBorder="1" applyAlignment="1" applyProtection="1">
      <alignment horizontal="center" vertical="center"/>
    </xf>
    <xf numFmtId="0" fontId="3" fillId="0" borderId="45" xfId="0" applyFont="1" applyBorder="1" applyAlignment="1" applyProtection="1">
      <alignment horizontal="center" vertical="center"/>
    </xf>
    <xf numFmtId="0" fontId="3" fillId="0" borderId="14" xfId="0" applyFont="1" applyBorder="1" applyAlignment="1" applyProtection="1">
      <alignment horizontal="center"/>
    </xf>
    <xf numFmtId="0" fontId="3" fillId="0" borderId="13" xfId="0" applyFont="1" applyBorder="1" applyAlignment="1" applyProtection="1">
      <alignment horizontal="center"/>
    </xf>
    <xf numFmtId="0" fontId="3" fillId="0" borderId="15" xfId="0" applyFont="1" applyBorder="1" applyAlignment="1" applyProtection="1">
      <alignment horizontal="center"/>
    </xf>
    <xf numFmtId="0" fontId="3" fillId="0" borderId="33" xfId="0" applyFont="1" applyBorder="1" applyAlignment="1" applyProtection="1">
      <alignment horizontal="center"/>
    </xf>
    <xf numFmtId="0" fontId="3" fillId="0" borderId="31" xfId="0" applyFont="1" applyBorder="1" applyAlignment="1" applyProtection="1">
      <alignment horizontal="center"/>
    </xf>
    <xf numFmtId="0" fontId="3" fillId="0" borderId="34" xfId="0" applyFont="1" applyBorder="1" applyAlignment="1" applyProtection="1">
      <alignment horizontal="center"/>
    </xf>
    <xf numFmtId="0" fontId="3" fillId="0" borderId="23" xfId="0" applyFont="1" applyBorder="1" applyAlignment="1" applyProtection="1">
      <alignment horizontal="distributed" vertical="center" justifyLastLine="1"/>
    </xf>
    <xf numFmtId="0" fontId="3" fillId="0" borderId="24" xfId="0" applyFont="1" applyBorder="1" applyAlignment="1" applyProtection="1">
      <alignment horizontal="distributed" vertical="center" justifyLastLine="1"/>
    </xf>
    <xf numFmtId="0" fontId="3" fillId="0" borderId="25" xfId="0" applyFont="1" applyBorder="1" applyAlignment="1" applyProtection="1">
      <alignment horizontal="distributed" vertical="center" justifyLastLine="1"/>
    </xf>
    <xf numFmtId="0" fontId="3" fillId="0" borderId="33" xfId="0" applyFont="1" applyBorder="1" applyAlignment="1" applyProtection="1">
      <alignment horizontal="distributed" vertical="center" justifyLastLine="1"/>
    </xf>
    <xf numFmtId="0" fontId="3" fillId="0" borderId="31" xfId="0" applyFont="1" applyBorder="1" applyAlignment="1" applyProtection="1">
      <alignment horizontal="distributed" vertical="center" justifyLastLine="1"/>
    </xf>
    <xf numFmtId="0" fontId="3" fillId="0" borderId="37" xfId="0" applyFont="1" applyBorder="1" applyAlignment="1" applyProtection="1">
      <alignment horizontal="distributed" vertical="center" justifyLastLine="1"/>
    </xf>
    <xf numFmtId="0" fontId="3" fillId="0" borderId="38" xfId="0" applyFont="1" applyBorder="1" applyAlignment="1" applyProtection="1">
      <alignment horizontal="distributed" vertical="center" justifyLastLine="1"/>
    </xf>
    <xf numFmtId="0" fontId="3" fillId="0" borderId="27" xfId="0" applyFont="1" applyBorder="1" applyAlignment="1" applyProtection="1">
      <alignment horizontal="distributed" vertical="center" justifyLastLine="1"/>
    </xf>
    <xf numFmtId="0" fontId="3" fillId="0" borderId="39" xfId="0" applyFont="1" applyBorder="1" applyAlignment="1" applyProtection="1">
      <alignment horizontal="distributed" vertical="center" justifyLastLine="1"/>
    </xf>
    <xf numFmtId="0" fontId="3" fillId="0" borderId="28" xfId="0" applyFont="1" applyBorder="1" applyAlignment="1" applyProtection="1">
      <alignment horizontal="distributed" vertical="center" justifyLastLine="1"/>
    </xf>
    <xf numFmtId="0" fontId="3" fillId="0" borderId="40" xfId="0" applyFont="1" applyBorder="1" applyAlignment="1" applyProtection="1">
      <alignment horizontal="distributed" vertical="center" justifyLastLine="1"/>
    </xf>
    <xf numFmtId="0" fontId="4" fillId="0" borderId="14" xfId="0" applyFont="1" applyBorder="1" applyAlignment="1" applyProtection="1">
      <alignment horizontal="center" vertical="center" wrapText="1" justifyLastLine="1"/>
    </xf>
    <xf numFmtId="0" fontId="4" fillId="0" borderId="41" xfId="0" applyFont="1" applyBorder="1" applyAlignment="1" applyProtection="1">
      <alignment horizontal="center" vertical="center" wrapText="1" justifyLastLine="1"/>
    </xf>
    <xf numFmtId="0" fontId="3" fillId="0" borderId="1" xfId="0" applyFont="1" applyBorder="1" applyAlignment="1" applyProtection="1">
      <alignment horizontal="distributed" vertical="center" justifyLastLine="1"/>
    </xf>
    <xf numFmtId="0" fontId="3" fillId="0" borderId="2" xfId="0" applyFont="1" applyBorder="1" applyAlignment="1" applyProtection="1">
      <alignment horizontal="distributed" vertical="center" justifyLastLine="1"/>
    </xf>
    <xf numFmtId="0" fontId="3" fillId="0" borderId="17" xfId="0" applyFont="1" applyBorder="1" applyAlignment="1" applyProtection="1">
      <alignment horizontal="distributed" vertical="center" justifyLastLine="1"/>
    </xf>
    <xf numFmtId="0" fontId="3" fillId="0" borderId="0" xfId="0" applyFont="1" applyBorder="1" applyAlignment="1" applyProtection="1">
      <alignment horizontal="distributed" vertical="center" justifyLastLine="1"/>
    </xf>
    <xf numFmtId="0" fontId="3" fillId="0" borderId="44" xfId="0" applyFont="1" applyBorder="1" applyAlignment="1" applyProtection="1">
      <alignment horizontal="distributed" vertical="center" justifyLastLine="1"/>
    </xf>
    <xf numFmtId="0" fontId="3" fillId="0" borderId="45" xfId="0" applyFont="1" applyBorder="1" applyAlignment="1" applyProtection="1">
      <alignment horizontal="distributed" vertical="center" justifyLastLine="1"/>
    </xf>
    <xf numFmtId="0" fontId="3" fillId="0" borderId="3" xfId="0" applyFont="1" applyBorder="1" applyAlignment="1" applyProtection="1">
      <alignment horizontal="center"/>
    </xf>
    <xf numFmtId="0" fontId="3" fillId="0" borderId="4" xfId="0" applyFont="1" applyBorder="1" applyAlignment="1" applyProtection="1">
      <alignment horizontal="center"/>
    </xf>
    <xf numFmtId="0" fontId="3" fillId="0" borderId="5" xfId="0" applyFont="1" applyBorder="1" applyAlignment="1" applyProtection="1">
      <alignment horizontal="center"/>
    </xf>
    <xf numFmtId="0" fontId="3" fillId="0" borderId="6" xfId="0" applyFont="1" applyBorder="1" applyAlignment="1" applyProtection="1">
      <alignment horizontal="distributed" vertical="center" justifyLastLine="1"/>
    </xf>
    <xf numFmtId="0" fontId="3" fillId="0" borderId="22" xfId="0" applyFont="1" applyBorder="1" applyAlignment="1" applyProtection="1">
      <alignment horizontal="distributed" vertical="center" justifyLastLine="1"/>
    </xf>
    <xf numFmtId="0" fontId="3" fillId="0" borderId="51" xfId="0" applyFont="1" applyBorder="1" applyAlignment="1" applyProtection="1">
      <alignment horizontal="distributed" vertical="center" justifyLastLine="1"/>
    </xf>
    <xf numFmtId="0" fontId="3" fillId="0" borderId="7" xfId="0" applyFont="1" applyBorder="1" applyAlignment="1" applyProtection="1">
      <alignment horizontal="distributed" vertical="center" justifyLastLine="1"/>
    </xf>
    <xf numFmtId="0" fontId="3" fillId="0" borderId="29" xfId="0" applyFont="1" applyBorder="1" applyAlignment="1" applyProtection="1">
      <alignment horizontal="distributed" vertical="center" justifyLastLine="1"/>
    </xf>
    <xf numFmtId="0" fontId="3" fillId="0" borderId="8" xfId="0" applyFont="1" applyBorder="1" applyAlignment="1" applyProtection="1">
      <alignment horizontal="center"/>
    </xf>
    <xf numFmtId="0" fontId="3" fillId="0" borderId="2" xfId="0" applyFont="1" applyBorder="1" applyAlignment="1" applyProtection="1">
      <alignment horizontal="center"/>
    </xf>
    <xf numFmtId="0" fontId="3" fillId="0" borderId="14" xfId="0" applyFont="1" applyBorder="1" applyAlignment="1" applyProtection="1">
      <alignment horizontal="center" vertical="center" justifyLastLine="1"/>
    </xf>
    <xf numFmtId="0" fontId="3" fillId="0" borderId="16" xfId="0" applyFont="1" applyBorder="1" applyAlignment="1" applyProtection="1">
      <alignment horizontal="center" vertical="center" justifyLastLine="1"/>
    </xf>
    <xf numFmtId="0" fontId="3" fillId="0" borderId="33" xfId="0" applyFont="1" applyBorder="1" applyAlignment="1" applyProtection="1">
      <alignment horizontal="center" vertical="center" justifyLastLine="1"/>
    </xf>
    <xf numFmtId="0" fontId="3" fillId="0" borderId="37" xfId="0" applyFont="1" applyBorder="1" applyAlignment="1" applyProtection="1">
      <alignment horizontal="center" vertical="center" justifyLastLine="1"/>
    </xf>
    <xf numFmtId="0" fontId="3" fillId="0" borderId="14" xfId="0" applyFont="1" applyBorder="1" applyAlignment="1" applyProtection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0" fillId="0" borderId="37" xfId="0" applyBorder="1" applyAlignment="1">
      <alignment horizontal="center" vertical="center"/>
    </xf>
    <xf numFmtId="0" fontId="3" fillId="0" borderId="33" xfId="0" applyFont="1" applyBorder="1" applyAlignment="1" applyProtection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transitionEvaluation="1"/>
  <dimension ref="A1:BN78"/>
  <sheetViews>
    <sheetView tabSelected="1" view="pageBreakPreview" zoomScaleNormal="100" zoomScaleSheetLayoutView="100" workbookViewId="0">
      <selection activeCell="BD34" sqref="BD34"/>
    </sheetView>
  </sheetViews>
  <sheetFormatPr defaultRowHeight="10.5" customHeight="1" x14ac:dyDescent="0.15"/>
  <cols>
    <col min="1" max="1" width="3.625" style="3" customWidth="1"/>
    <col min="2" max="2" width="10" style="3" customWidth="1"/>
    <col min="3" max="4" width="9.375" style="3" customWidth="1"/>
    <col min="5" max="5" width="13.75" style="3" customWidth="1"/>
    <col min="6" max="7" width="9.375" style="3" customWidth="1"/>
    <col min="8" max="8" width="13.75" style="3" customWidth="1"/>
    <col min="9" max="9" width="9.5" style="3" customWidth="1"/>
    <col min="10" max="10" width="9.375" style="3" customWidth="1"/>
    <col min="11" max="11" width="13.75" style="3" customWidth="1"/>
    <col min="12" max="13" width="10" style="3" customWidth="1"/>
    <col min="14" max="14" width="15" style="3" customWidth="1"/>
    <col min="15" max="15" width="3.625" style="3" customWidth="1"/>
    <col min="16" max="16" width="10" style="3" customWidth="1"/>
    <col min="17" max="17" width="10.75" style="3" customWidth="1"/>
    <col min="18" max="18" width="11.375" style="3" customWidth="1"/>
    <col min="19" max="19" width="13.75" style="3" customWidth="1"/>
    <col min="20" max="20" width="10.75" style="3" customWidth="1"/>
    <col min="21" max="21" width="11.25" style="3" customWidth="1"/>
    <col min="22" max="22" width="13.75" style="3" customWidth="1"/>
    <col min="23" max="23" width="10" style="3" customWidth="1"/>
    <col min="24" max="24" width="10.625" style="3" customWidth="1"/>
    <col min="25" max="25" width="13.75" style="3" customWidth="1"/>
    <col min="26" max="26" width="11.25" style="3" customWidth="1"/>
    <col min="27" max="27" width="15.625" style="3" customWidth="1"/>
    <col min="28" max="28" width="3.625" style="3" customWidth="1"/>
    <col min="29" max="29" width="10" style="3" customWidth="1"/>
    <col min="30" max="30" width="6.625" style="3" customWidth="1"/>
    <col min="31" max="31" width="7.5" style="3" customWidth="1"/>
    <col min="32" max="32" width="11.25" style="3" customWidth="1"/>
    <col min="33" max="33" width="5.25" style="3" customWidth="1"/>
    <col min="34" max="34" width="8.375" style="3" customWidth="1"/>
    <col min="35" max="35" width="4.75" style="3" customWidth="1"/>
    <col min="36" max="36" width="9.75" style="3" customWidth="1"/>
    <col min="37" max="37" width="8.625" style="3" customWidth="1"/>
    <col min="38" max="38" width="15.625" style="3" customWidth="1"/>
    <col min="39" max="40" width="16.125" style="3" customWidth="1"/>
    <col min="41" max="41" width="13.25" style="3" customWidth="1"/>
    <col min="42" max="42" width="9.625" style="3" customWidth="1"/>
    <col min="43" max="43" width="13.375" style="3" customWidth="1"/>
    <col min="44" max="44" width="3.625" style="3" hidden="1" customWidth="1"/>
    <col min="45" max="46" width="7.625" style="3" hidden="1" customWidth="1"/>
    <col min="47" max="47" width="15.625" style="3" hidden="1" customWidth="1"/>
    <col min="48" max="48" width="7.625" style="3" hidden="1" customWidth="1"/>
    <col min="49" max="49" width="15.5" style="3" hidden="1" customWidth="1"/>
    <col min="50" max="50" width="7.625" style="3" hidden="1" customWidth="1"/>
    <col min="51" max="51" width="15" style="3" hidden="1" customWidth="1"/>
    <col min="52" max="52" width="7.625" style="3" hidden="1" customWidth="1"/>
    <col min="53" max="53" width="16.25" style="3" hidden="1" customWidth="1"/>
    <col min="54" max="54" width="1.875" style="3" customWidth="1"/>
    <col min="55" max="56" width="9" style="3"/>
    <col min="57" max="57" width="0" style="3" hidden="1" customWidth="1"/>
    <col min="58" max="16384" width="9" style="3"/>
  </cols>
  <sheetData>
    <row r="1" spans="1:53" ht="15.75" customHeight="1" x14ac:dyDescent="0.15">
      <c r="A1" s="1" t="s">
        <v>0</v>
      </c>
      <c r="B1" s="2"/>
      <c r="D1" s="2"/>
      <c r="E1" s="2"/>
      <c r="F1" s="2"/>
      <c r="G1" s="2"/>
      <c r="H1" s="2"/>
      <c r="I1" s="2"/>
      <c r="J1" s="2"/>
      <c r="K1" s="2"/>
      <c r="L1" s="2"/>
      <c r="M1" s="2"/>
      <c r="N1" s="2"/>
      <c r="O1" s="1" t="s">
        <v>1</v>
      </c>
      <c r="P1" s="2"/>
      <c r="R1" s="2"/>
      <c r="S1" s="2"/>
      <c r="T1" s="2"/>
      <c r="U1" s="2"/>
      <c r="V1" s="2"/>
      <c r="W1" s="2"/>
      <c r="X1" s="2"/>
      <c r="Y1" s="2"/>
      <c r="Z1" s="2"/>
      <c r="AA1" s="2"/>
      <c r="AB1" s="1" t="s">
        <v>2</v>
      </c>
      <c r="AC1" s="2"/>
      <c r="AE1" s="2"/>
      <c r="AF1" s="2"/>
      <c r="AG1" s="2"/>
      <c r="AH1" s="2"/>
      <c r="AI1" s="2"/>
      <c r="AJ1" s="2"/>
      <c r="AK1" s="4"/>
      <c r="AL1" s="2"/>
      <c r="AN1" s="2"/>
      <c r="AO1" s="2"/>
      <c r="AP1" s="2"/>
      <c r="AQ1" s="5"/>
      <c r="AR1" s="2" t="s">
        <v>3</v>
      </c>
      <c r="AS1" s="2"/>
      <c r="AU1" s="2"/>
      <c r="AV1" s="2"/>
      <c r="AW1" s="2"/>
      <c r="AX1" s="2"/>
      <c r="AY1" s="2"/>
      <c r="AZ1" s="2"/>
      <c r="BA1" s="2"/>
    </row>
    <row r="2" spans="1:53" ht="15" customHeight="1" thickBot="1" x14ac:dyDescent="0.2">
      <c r="A2" s="2"/>
      <c r="B2" s="2"/>
      <c r="D2" s="2"/>
      <c r="E2" s="2"/>
      <c r="F2" s="2"/>
      <c r="G2" s="2"/>
      <c r="H2" s="2"/>
      <c r="I2" s="2"/>
      <c r="J2" s="2"/>
      <c r="K2" s="2"/>
      <c r="L2" s="2"/>
      <c r="M2" s="2"/>
      <c r="N2" s="5" t="s">
        <v>4</v>
      </c>
      <c r="O2" s="2"/>
      <c r="P2" s="2"/>
      <c r="R2" s="2"/>
      <c r="S2" s="5"/>
      <c r="T2" s="2"/>
      <c r="U2" s="2"/>
      <c r="V2" s="2"/>
      <c r="W2" s="2"/>
      <c r="X2" s="2"/>
      <c r="Y2" s="2"/>
      <c r="Z2" s="2"/>
      <c r="AA2" s="5" t="s">
        <v>4</v>
      </c>
      <c r="AB2" s="2"/>
      <c r="AC2" s="2"/>
      <c r="AE2" s="2"/>
      <c r="AF2" s="2"/>
      <c r="AG2" s="2"/>
      <c r="AH2" s="2"/>
      <c r="AI2" s="2"/>
      <c r="AJ2" s="5"/>
      <c r="AK2" s="4"/>
      <c r="AL2" s="5"/>
      <c r="AN2" s="2"/>
      <c r="AO2" s="5"/>
      <c r="AP2" s="2"/>
      <c r="AQ2" s="5" t="s">
        <v>4</v>
      </c>
      <c r="AR2" s="2"/>
      <c r="AS2" s="2"/>
      <c r="AU2" s="2"/>
      <c r="AV2" s="2"/>
      <c r="AW2" s="2"/>
      <c r="AX2" s="2"/>
      <c r="AY2" s="2"/>
      <c r="AZ2" s="2"/>
      <c r="BA2" s="2"/>
    </row>
    <row r="3" spans="1:53" s="8" customFormat="1" ht="11.25" customHeight="1" x14ac:dyDescent="0.15">
      <c r="A3" s="146" t="s">
        <v>5</v>
      </c>
      <c r="B3" s="147"/>
      <c r="C3" s="152" t="s">
        <v>6</v>
      </c>
      <c r="D3" s="153"/>
      <c r="E3" s="153"/>
      <c r="F3" s="153"/>
      <c r="G3" s="153"/>
      <c r="H3" s="153"/>
      <c r="I3" s="153"/>
      <c r="J3" s="153"/>
      <c r="K3" s="153"/>
      <c r="L3" s="153"/>
      <c r="M3" s="153"/>
      <c r="N3" s="154"/>
      <c r="O3" s="146" t="s">
        <v>5</v>
      </c>
      <c r="P3" s="155"/>
      <c r="Q3" s="152" t="s">
        <v>7</v>
      </c>
      <c r="R3" s="153"/>
      <c r="S3" s="153"/>
      <c r="T3" s="153"/>
      <c r="U3" s="153"/>
      <c r="V3" s="153"/>
      <c r="W3" s="153"/>
      <c r="X3" s="153"/>
      <c r="Y3" s="153"/>
      <c r="Z3" s="153"/>
      <c r="AA3" s="154"/>
      <c r="AB3" s="146" t="s">
        <v>5</v>
      </c>
      <c r="AC3" s="158"/>
      <c r="AD3" s="160" t="s">
        <v>8</v>
      </c>
      <c r="AE3" s="161"/>
      <c r="AF3" s="161"/>
      <c r="AG3" s="161"/>
      <c r="AH3" s="161"/>
      <c r="AI3" s="161"/>
      <c r="AJ3" s="161"/>
      <c r="AK3" s="116" t="s">
        <v>9</v>
      </c>
      <c r="AL3" s="117"/>
      <c r="AM3" s="122" t="s">
        <v>10</v>
      </c>
      <c r="AN3" s="122"/>
      <c r="AO3" s="122"/>
      <c r="AP3" s="6"/>
      <c r="AQ3" s="7"/>
      <c r="AR3" s="124" t="s">
        <v>5</v>
      </c>
      <c r="AS3" s="124"/>
      <c r="AT3" s="127" t="s">
        <v>11</v>
      </c>
      <c r="AU3" s="128"/>
      <c r="AV3" s="128"/>
      <c r="AW3" s="128"/>
      <c r="AX3" s="128"/>
      <c r="AY3" s="128"/>
      <c r="AZ3" s="128"/>
      <c r="BA3" s="129"/>
    </row>
    <row r="4" spans="1:53" s="8" customFormat="1" ht="11.25" customHeight="1" x14ac:dyDescent="0.15">
      <c r="A4" s="148"/>
      <c r="B4" s="149"/>
      <c r="C4" s="9" t="s">
        <v>12</v>
      </c>
      <c r="D4" s="10"/>
      <c r="E4" s="10"/>
      <c r="F4" s="10"/>
      <c r="G4" s="10"/>
      <c r="H4" s="11"/>
      <c r="I4" s="10"/>
      <c r="J4" s="10"/>
      <c r="K4" s="10"/>
      <c r="L4" s="10"/>
      <c r="M4" s="10"/>
      <c r="N4" s="12"/>
      <c r="O4" s="148"/>
      <c r="P4" s="156"/>
      <c r="Q4" s="133" t="s">
        <v>13</v>
      </c>
      <c r="R4" s="134"/>
      <c r="S4" s="135"/>
      <c r="T4" s="134" t="s">
        <v>14</v>
      </c>
      <c r="U4" s="134"/>
      <c r="V4" s="110"/>
      <c r="W4" s="140" t="s">
        <v>15</v>
      </c>
      <c r="X4" s="134"/>
      <c r="Y4" s="110"/>
      <c r="Z4" s="140" t="s">
        <v>16</v>
      </c>
      <c r="AA4" s="142"/>
      <c r="AB4" s="148"/>
      <c r="AC4" s="159"/>
      <c r="AD4" s="144" t="s">
        <v>17</v>
      </c>
      <c r="AE4" s="162" t="s">
        <v>18</v>
      </c>
      <c r="AF4" s="163"/>
      <c r="AG4" s="166" t="s">
        <v>19</v>
      </c>
      <c r="AH4" s="167"/>
      <c r="AI4" s="166" t="s">
        <v>20</v>
      </c>
      <c r="AJ4" s="124"/>
      <c r="AK4" s="118"/>
      <c r="AL4" s="119"/>
      <c r="AM4" s="123"/>
      <c r="AN4" s="123"/>
      <c r="AO4" s="123"/>
      <c r="AP4" s="13" t="s">
        <v>21</v>
      </c>
      <c r="AQ4" s="14"/>
      <c r="AR4" s="125"/>
      <c r="AS4" s="125"/>
      <c r="AT4" s="130"/>
      <c r="AU4" s="131"/>
      <c r="AV4" s="131"/>
      <c r="AW4" s="131"/>
      <c r="AX4" s="131"/>
      <c r="AY4" s="131"/>
      <c r="AZ4" s="131"/>
      <c r="BA4" s="132"/>
    </row>
    <row r="5" spans="1:53" s="23" customFormat="1" ht="11.25" customHeight="1" x14ac:dyDescent="0.15">
      <c r="A5" s="148"/>
      <c r="B5" s="149"/>
      <c r="C5" s="104" t="s">
        <v>22</v>
      </c>
      <c r="D5" s="105"/>
      <c r="E5" s="108"/>
      <c r="F5" s="104" t="s">
        <v>23</v>
      </c>
      <c r="G5" s="105"/>
      <c r="H5" s="106"/>
      <c r="I5" s="107" t="s">
        <v>24</v>
      </c>
      <c r="J5" s="105"/>
      <c r="K5" s="108"/>
      <c r="L5" s="104" t="s">
        <v>25</v>
      </c>
      <c r="M5" s="105"/>
      <c r="N5" s="109"/>
      <c r="O5" s="148"/>
      <c r="P5" s="156"/>
      <c r="Q5" s="136"/>
      <c r="R5" s="137"/>
      <c r="S5" s="138"/>
      <c r="T5" s="137"/>
      <c r="U5" s="137"/>
      <c r="V5" s="139"/>
      <c r="W5" s="141"/>
      <c r="X5" s="137"/>
      <c r="Y5" s="139"/>
      <c r="Z5" s="141"/>
      <c r="AA5" s="143"/>
      <c r="AB5" s="148"/>
      <c r="AC5" s="159"/>
      <c r="AD5" s="145"/>
      <c r="AE5" s="164"/>
      <c r="AF5" s="165"/>
      <c r="AG5" s="168"/>
      <c r="AH5" s="169"/>
      <c r="AI5" s="170"/>
      <c r="AJ5" s="123"/>
      <c r="AK5" s="120"/>
      <c r="AL5" s="121"/>
      <c r="AM5" s="110" t="s">
        <v>26</v>
      </c>
      <c r="AN5" s="112" t="s">
        <v>27</v>
      </c>
      <c r="AO5" s="114" t="s">
        <v>28</v>
      </c>
      <c r="AP5" s="15"/>
      <c r="AQ5" s="16"/>
      <c r="AR5" s="125"/>
      <c r="AS5" s="125"/>
      <c r="AT5" s="17" t="s">
        <v>29</v>
      </c>
      <c r="AU5" s="18"/>
      <c r="AV5" s="19" t="s">
        <v>30</v>
      </c>
      <c r="AW5" s="20"/>
      <c r="AX5" s="21" t="s">
        <v>31</v>
      </c>
      <c r="AY5" s="22"/>
      <c r="AZ5" s="21" t="s">
        <v>32</v>
      </c>
      <c r="BA5" s="18"/>
    </row>
    <row r="6" spans="1:53" s="23" customFormat="1" ht="11.25" customHeight="1" thickBot="1" x14ac:dyDescent="0.2">
      <c r="A6" s="150"/>
      <c r="B6" s="151"/>
      <c r="C6" s="24" t="s">
        <v>33</v>
      </c>
      <c r="D6" s="25" t="s">
        <v>34</v>
      </c>
      <c r="E6" s="26" t="s">
        <v>35</v>
      </c>
      <c r="F6" s="24" t="s">
        <v>33</v>
      </c>
      <c r="G6" s="25" t="s">
        <v>34</v>
      </c>
      <c r="H6" s="27" t="s">
        <v>35</v>
      </c>
      <c r="I6" s="28" t="s">
        <v>33</v>
      </c>
      <c r="J6" s="25" t="s">
        <v>34</v>
      </c>
      <c r="K6" s="26" t="s">
        <v>35</v>
      </c>
      <c r="L6" s="24" t="s">
        <v>33</v>
      </c>
      <c r="M6" s="25" t="s">
        <v>34</v>
      </c>
      <c r="N6" s="29" t="s">
        <v>35</v>
      </c>
      <c r="O6" s="150"/>
      <c r="P6" s="157"/>
      <c r="Q6" s="28" t="s">
        <v>33</v>
      </c>
      <c r="R6" s="24" t="s">
        <v>36</v>
      </c>
      <c r="S6" s="27" t="s">
        <v>35</v>
      </c>
      <c r="T6" s="30" t="s">
        <v>33</v>
      </c>
      <c r="U6" s="25" t="s">
        <v>34</v>
      </c>
      <c r="V6" s="24" t="s">
        <v>35</v>
      </c>
      <c r="W6" s="24" t="s">
        <v>33</v>
      </c>
      <c r="X6" s="25" t="s">
        <v>34</v>
      </c>
      <c r="Y6" s="26" t="s">
        <v>35</v>
      </c>
      <c r="Z6" s="24" t="s">
        <v>37</v>
      </c>
      <c r="AA6" s="31" t="s">
        <v>35</v>
      </c>
      <c r="AB6" s="150"/>
      <c r="AC6" s="111"/>
      <c r="AD6" s="32" t="s">
        <v>38</v>
      </c>
      <c r="AE6" s="24" t="s">
        <v>37</v>
      </c>
      <c r="AF6" s="24" t="s">
        <v>39</v>
      </c>
      <c r="AG6" s="24" t="s">
        <v>40</v>
      </c>
      <c r="AH6" s="24" t="s">
        <v>41</v>
      </c>
      <c r="AI6" s="24" t="s">
        <v>37</v>
      </c>
      <c r="AJ6" s="26" t="s">
        <v>39</v>
      </c>
      <c r="AK6" s="24" t="s">
        <v>37</v>
      </c>
      <c r="AL6" s="24" t="s">
        <v>39</v>
      </c>
      <c r="AM6" s="111"/>
      <c r="AN6" s="113"/>
      <c r="AO6" s="115"/>
      <c r="AP6" s="33" t="s">
        <v>33</v>
      </c>
      <c r="AQ6" s="34" t="s">
        <v>42</v>
      </c>
      <c r="AR6" s="126"/>
      <c r="AS6" s="126"/>
      <c r="AT6" s="26" t="s">
        <v>33</v>
      </c>
      <c r="AU6" s="26" t="s">
        <v>35</v>
      </c>
      <c r="AV6" s="26" t="s">
        <v>33</v>
      </c>
      <c r="AW6" s="26" t="s">
        <v>39</v>
      </c>
      <c r="AX6" s="26" t="s">
        <v>33</v>
      </c>
      <c r="AY6" s="24" t="s">
        <v>39</v>
      </c>
      <c r="AZ6" s="26" t="s">
        <v>33</v>
      </c>
      <c r="BA6" s="24" t="s">
        <v>39</v>
      </c>
    </row>
    <row r="7" spans="1:53" s="8" customFormat="1" ht="12.75" customHeight="1" thickTop="1" x14ac:dyDescent="0.15">
      <c r="A7" s="35">
        <v>1</v>
      </c>
      <c r="B7" s="36" t="s">
        <v>43</v>
      </c>
      <c r="C7" s="37">
        <v>92474</v>
      </c>
      <c r="D7" s="37">
        <v>1178757</v>
      </c>
      <c r="E7" s="37">
        <v>55903499490</v>
      </c>
      <c r="F7" s="37">
        <v>4095632</v>
      </c>
      <c r="G7" s="37">
        <v>6665980</v>
      </c>
      <c r="H7" s="37">
        <v>59636144729</v>
      </c>
      <c r="I7" s="37">
        <v>870080</v>
      </c>
      <c r="J7" s="37">
        <v>1663680</v>
      </c>
      <c r="K7" s="37">
        <v>11456479060</v>
      </c>
      <c r="L7" s="37">
        <v>5058186</v>
      </c>
      <c r="M7" s="37">
        <v>9508417</v>
      </c>
      <c r="N7" s="38">
        <v>126996123279</v>
      </c>
      <c r="O7" s="35">
        <v>1</v>
      </c>
      <c r="P7" s="36" t="s">
        <v>44</v>
      </c>
      <c r="Q7" s="37">
        <v>2987552</v>
      </c>
      <c r="R7" s="37">
        <v>3586305</v>
      </c>
      <c r="S7" s="39">
        <v>35486412470</v>
      </c>
      <c r="T7" s="40">
        <v>88311</v>
      </c>
      <c r="U7" s="37">
        <v>2921309</v>
      </c>
      <c r="V7" s="37">
        <v>1964458084</v>
      </c>
      <c r="W7" s="37">
        <v>8221</v>
      </c>
      <c r="X7" s="37">
        <v>57156</v>
      </c>
      <c r="Y7" s="37">
        <v>609506440</v>
      </c>
      <c r="Z7" s="37">
        <v>8053959</v>
      </c>
      <c r="AA7" s="41">
        <v>165056500273</v>
      </c>
      <c r="AB7" s="35">
        <v>1</v>
      </c>
      <c r="AC7" s="36" t="s">
        <v>43</v>
      </c>
      <c r="AD7" s="37">
        <v>685</v>
      </c>
      <c r="AE7" s="37">
        <v>191796</v>
      </c>
      <c r="AF7" s="37">
        <v>2064804177</v>
      </c>
      <c r="AG7" s="37">
        <v>123</v>
      </c>
      <c r="AH7" s="37">
        <v>14303441</v>
      </c>
      <c r="AI7" s="37">
        <v>11</v>
      </c>
      <c r="AJ7" s="37">
        <v>397878</v>
      </c>
      <c r="AK7" s="42">
        <v>8246451</v>
      </c>
      <c r="AL7" s="43">
        <v>167121702328</v>
      </c>
      <c r="AM7" s="40">
        <v>124808336857</v>
      </c>
      <c r="AN7" s="37">
        <v>37569958094</v>
      </c>
      <c r="AO7" s="37">
        <v>4743407377</v>
      </c>
      <c r="AP7" s="44">
        <v>420411</v>
      </c>
      <c r="AQ7" s="45">
        <v>15870057190</v>
      </c>
    </row>
    <row r="8" spans="1:53" s="8" customFormat="1" ht="12.75" customHeight="1" x14ac:dyDescent="0.15">
      <c r="A8" s="35">
        <v>2</v>
      </c>
      <c r="B8" s="36" t="s">
        <v>45</v>
      </c>
      <c r="C8" s="37">
        <v>33611</v>
      </c>
      <c r="D8" s="37">
        <v>444877</v>
      </c>
      <c r="E8" s="37">
        <v>20454109761</v>
      </c>
      <c r="F8" s="37">
        <v>1298513</v>
      </c>
      <c r="G8" s="37">
        <v>2208238</v>
      </c>
      <c r="H8" s="37">
        <v>19608535281</v>
      </c>
      <c r="I8" s="37">
        <v>276887</v>
      </c>
      <c r="J8" s="37">
        <v>533653</v>
      </c>
      <c r="K8" s="37">
        <v>3638557730</v>
      </c>
      <c r="L8" s="37">
        <v>1609011</v>
      </c>
      <c r="M8" s="37">
        <v>3186768</v>
      </c>
      <c r="N8" s="45">
        <v>43701202772</v>
      </c>
      <c r="O8" s="35">
        <v>2</v>
      </c>
      <c r="P8" s="36" t="s">
        <v>46</v>
      </c>
      <c r="Q8" s="37">
        <v>978019</v>
      </c>
      <c r="R8" s="37">
        <v>1197878</v>
      </c>
      <c r="S8" s="39">
        <v>12336706997</v>
      </c>
      <c r="T8" s="40">
        <v>32165</v>
      </c>
      <c r="U8" s="37">
        <v>1103293</v>
      </c>
      <c r="V8" s="37">
        <v>744706444</v>
      </c>
      <c r="W8" s="37">
        <v>2549</v>
      </c>
      <c r="X8" s="37">
        <v>17885</v>
      </c>
      <c r="Y8" s="37">
        <v>187003770</v>
      </c>
      <c r="Z8" s="37">
        <v>2589579</v>
      </c>
      <c r="AA8" s="41">
        <v>56969619983</v>
      </c>
      <c r="AB8" s="35">
        <v>2</v>
      </c>
      <c r="AC8" s="36" t="s">
        <v>46</v>
      </c>
      <c r="AD8" s="37">
        <v>1684</v>
      </c>
      <c r="AE8" s="37">
        <v>66390</v>
      </c>
      <c r="AF8" s="37">
        <v>813384749</v>
      </c>
      <c r="AG8" s="37">
        <v>105</v>
      </c>
      <c r="AH8" s="37">
        <v>3073504</v>
      </c>
      <c r="AI8" s="37">
        <v>4</v>
      </c>
      <c r="AJ8" s="37">
        <v>2263800</v>
      </c>
      <c r="AK8" s="44">
        <v>2657657</v>
      </c>
      <c r="AL8" s="43">
        <v>57785268532</v>
      </c>
      <c r="AM8" s="40">
        <v>43073198919</v>
      </c>
      <c r="AN8" s="37">
        <v>12919396059</v>
      </c>
      <c r="AO8" s="37">
        <v>1792673554</v>
      </c>
      <c r="AP8" s="44">
        <v>153238</v>
      </c>
      <c r="AQ8" s="45">
        <v>5706424508</v>
      </c>
    </row>
    <row r="9" spans="1:53" s="8" customFormat="1" ht="12.75" customHeight="1" x14ac:dyDescent="0.15">
      <c r="A9" s="35">
        <v>3</v>
      </c>
      <c r="B9" s="36" t="s">
        <v>47</v>
      </c>
      <c r="C9" s="37">
        <v>13634</v>
      </c>
      <c r="D9" s="37">
        <v>164882</v>
      </c>
      <c r="E9" s="37">
        <v>8489513956</v>
      </c>
      <c r="F9" s="37">
        <v>628669</v>
      </c>
      <c r="G9" s="37">
        <v>1039966</v>
      </c>
      <c r="H9" s="37">
        <v>9122827837</v>
      </c>
      <c r="I9" s="37">
        <v>132337</v>
      </c>
      <c r="J9" s="37">
        <v>246943</v>
      </c>
      <c r="K9" s="37">
        <v>1684949390</v>
      </c>
      <c r="L9" s="37">
        <v>774640</v>
      </c>
      <c r="M9" s="37">
        <v>1451791</v>
      </c>
      <c r="N9" s="45">
        <v>19297291183</v>
      </c>
      <c r="O9" s="35">
        <v>3</v>
      </c>
      <c r="P9" s="36" t="s">
        <v>47</v>
      </c>
      <c r="Q9" s="37">
        <v>485497</v>
      </c>
      <c r="R9" s="37">
        <v>584454</v>
      </c>
      <c r="S9" s="39">
        <v>5818450582</v>
      </c>
      <c r="T9" s="40">
        <v>13134</v>
      </c>
      <c r="U9" s="37">
        <v>407348</v>
      </c>
      <c r="V9" s="37">
        <v>275352165</v>
      </c>
      <c r="W9" s="37">
        <v>654</v>
      </c>
      <c r="X9" s="37">
        <v>3809</v>
      </c>
      <c r="Y9" s="37">
        <v>44617610</v>
      </c>
      <c r="Z9" s="37">
        <v>1260791</v>
      </c>
      <c r="AA9" s="41">
        <v>25435711540</v>
      </c>
      <c r="AB9" s="35">
        <v>3</v>
      </c>
      <c r="AC9" s="36" t="s">
        <v>48</v>
      </c>
      <c r="AD9" s="37">
        <v>32</v>
      </c>
      <c r="AE9" s="37">
        <v>22657</v>
      </c>
      <c r="AF9" s="37">
        <v>278461480</v>
      </c>
      <c r="AG9" s="37">
        <v>13</v>
      </c>
      <c r="AH9" s="37">
        <v>793289</v>
      </c>
      <c r="AI9" s="37">
        <v>0</v>
      </c>
      <c r="AJ9" s="37">
        <v>0</v>
      </c>
      <c r="AK9" s="44">
        <v>1283480</v>
      </c>
      <c r="AL9" s="43">
        <v>25714173020</v>
      </c>
      <c r="AM9" s="40">
        <v>19242677244</v>
      </c>
      <c r="AN9" s="37">
        <v>5724733493</v>
      </c>
      <c r="AO9" s="37">
        <v>746762283</v>
      </c>
      <c r="AP9" s="44">
        <v>57963</v>
      </c>
      <c r="AQ9" s="45">
        <v>2481586296</v>
      </c>
    </row>
    <row r="10" spans="1:53" s="8" customFormat="1" ht="12.75" customHeight="1" x14ac:dyDescent="0.15">
      <c r="A10" s="35">
        <v>4</v>
      </c>
      <c r="B10" s="36" t="s">
        <v>50</v>
      </c>
      <c r="C10" s="37">
        <v>8321</v>
      </c>
      <c r="D10" s="37">
        <v>120829</v>
      </c>
      <c r="E10" s="37">
        <v>4869122440</v>
      </c>
      <c r="F10" s="37">
        <v>325568</v>
      </c>
      <c r="G10" s="37">
        <v>522798</v>
      </c>
      <c r="H10" s="37">
        <v>4756072618</v>
      </c>
      <c r="I10" s="37">
        <v>70299</v>
      </c>
      <c r="J10" s="37">
        <v>134845</v>
      </c>
      <c r="K10" s="37">
        <v>950485130</v>
      </c>
      <c r="L10" s="37">
        <v>404188</v>
      </c>
      <c r="M10" s="37">
        <v>778472</v>
      </c>
      <c r="N10" s="45">
        <v>10575680188</v>
      </c>
      <c r="O10" s="35">
        <v>4</v>
      </c>
      <c r="P10" s="36" t="s">
        <v>50</v>
      </c>
      <c r="Q10" s="37">
        <v>239621</v>
      </c>
      <c r="R10" s="37">
        <v>280806</v>
      </c>
      <c r="S10" s="39">
        <v>2974033834</v>
      </c>
      <c r="T10" s="40">
        <v>7997</v>
      </c>
      <c r="U10" s="37">
        <v>303435</v>
      </c>
      <c r="V10" s="37">
        <v>203174446</v>
      </c>
      <c r="W10" s="37">
        <v>694</v>
      </c>
      <c r="X10" s="37">
        <v>4802</v>
      </c>
      <c r="Y10" s="37">
        <v>52451820</v>
      </c>
      <c r="Z10" s="37">
        <v>644503</v>
      </c>
      <c r="AA10" s="41">
        <v>13805340288</v>
      </c>
      <c r="AB10" s="35">
        <v>4</v>
      </c>
      <c r="AC10" s="36" t="s">
        <v>49</v>
      </c>
      <c r="AD10" s="37">
        <v>10</v>
      </c>
      <c r="AE10" s="37">
        <v>13357</v>
      </c>
      <c r="AF10" s="37">
        <v>163688951</v>
      </c>
      <c r="AG10" s="37">
        <v>26</v>
      </c>
      <c r="AH10" s="37">
        <v>516364</v>
      </c>
      <c r="AI10" s="37">
        <v>0</v>
      </c>
      <c r="AJ10" s="37">
        <v>0</v>
      </c>
      <c r="AK10" s="44">
        <v>657870</v>
      </c>
      <c r="AL10" s="43">
        <v>13969029239</v>
      </c>
      <c r="AM10" s="40">
        <v>10421335402</v>
      </c>
      <c r="AN10" s="37">
        <v>3093797769</v>
      </c>
      <c r="AO10" s="37">
        <v>453896068</v>
      </c>
      <c r="AP10" s="44">
        <v>27125</v>
      </c>
      <c r="AQ10" s="45">
        <v>1331929349</v>
      </c>
    </row>
    <row r="11" spans="1:53" s="8" customFormat="1" ht="12.75" customHeight="1" x14ac:dyDescent="0.15">
      <c r="A11" s="35">
        <v>5</v>
      </c>
      <c r="B11" s="36" t="s">
        <v>51</v>
      </c>
      <c r="C11" s="37">
        <v>5136</v>
      </c>
      <c r="D11" s="37">
        <v>61285</v>
      </c>
      <c r="E11" s="37">
        <v>2929729281</v>
      </c>
      <c r="F11" s="37">
        <v>228556</v>
      </c>
      <c r="G11" s="37">
        <v>350839</v>
      </c>
      <c r="H11" s="37">
        <v>3303325360</v>
      </c>
      <c r="I11" s="37">
        <v>52920</v>
      </c>
      <c r="J11" s="37">
        <v>98244</v>
      </c>
      <c r="K11" s="37">
        <v>674492740</v>
      </c>
      <c r="L11" s="37">
        <v>286612</v>
      </c>
      <c r="M11" s="37">
        <v>510368</v>
      </c>
      <c r="N11" s="45">
        <v>6907547381</v>
      </c>
      <c r="O11" s="35">
        <v>5</v>
      </c>
      <c r="P11" s="36" t="s">
        <v>51</v>
      </c>
      <c r="Q11" s="37">
        <v>164170</v>
      </c>
      <c r="R11" s="37">
        <v>194790</v>
      </c>
      <c r="S11" s="39">
        <v>1992657982</v>
      </c>
      <c r="T11" s="40">
        <v>4804</v>
      </c>
      <c r="U11" s="37">
        <v>149311</v>
      </c>
      <c r="V11" s="37">
        <v>100524890</v>
      </c>
      <c r="W11" s="37">
        <v>371</v>
      </c>
      <c r="X11" s="37">
        <v>2512</v>
      </c>
      <c r="Y11" s="37">
        <v>26862230</v>
      </c>
      <c r="Z11" s="37">
        <v>451153</v>
      </c>
      <c r="AA11" s="41">
        <v>9027592483</v>
      </c>
      <c r="AB11" s="35">
        <v>5</v>
      </c>
      <c r="AC11" s="36" t="s">
        <v>51</v>
      </c>
      <c r="AD11" s="37">
        <v>0</v>
      </c>
      <c r="AE11" s="37">
        <v>9416</v>
      </c>
      <c r="AF11" s="37">
        <v>111592822</v>
      </c>
      <c r="AG11" s="37">
        <v>4</v>
      </c>
      <c r="AH11" s="37">
        <v>133664</v>
      </c>
      <c r="AI11" s="37">
        <v>0</v>
      </c>
      <c r="AJ11" s="37">
        <v>0</v>
      </c>
      <c r="AK11" s="44">
        <v>460569</v>
      </c>
      <c r="AL11" s="43">
        <v>9139185305</v>
      </c>
      <c r="AM11" s="40">
        <v>6821174188</v>
      </c>
      <c r="AN11" s="37">
        <v>2048789122</v>
      </c>
      <c r="AO11" s="37">
        <v>269221995</v>
      </c>
      <c r="AP11" s="44">
        <v>17373</v>
      </c>
      <c r="AQ11" s="45">
        <v>787106663</v>
      </c>
    </row>
    <row r="12" spans="1:53" s="8" customFormat="1" ht="12.75" customHeight="1" x14ac:dyDescent="0.15">
      <c r="A12" s="35">
        <v>6</v>
      </c>
      <c r="B12" s="36" t="s">
        <v>52</v>
      </c>
      <c r="C12" s="37">
        <v>10473</v>
      </c>
      <c r="D12" s="37">
        <v>140136</v>
      </c>
      <c r="E12" s="37">
        <v>6166596787</v>
      </c>
      <c r="F12" s="37">
        <v>497879</v>
      </c>
      <c r="G12" s="37">
        <v>789621</v>
      </c>
      <c r="H12" s="37">
        <v>6883268819</v>
      </c>
      <c r="I12" s="37">
        <v>107254</v>
      </c>
      <c r="J12" s="37">
        <v>199820</v>
      </c>
      <c r="K12" s="37">
        <v>1359370380</v>
      </c>
      <c r="L12" s="37">
        <v>615606</v>
      </c>
      <c r="M12" s="37">
        <v>1129577</v>
      </c>
      <c r="N12" s="45">
        <v>14409235986</v>
      </c>
      <c r="O12" s="35">
        <v>6</v>
      </c>
      <c r="P12" s="36" t="s">
        <v>52</v>
      </c>
      <c r="Q12" s="37">
        <v>362849</v>
      </c>
      <c r="R12" s="37">
        <v>430709</v>
      </c>
      <c r="S12" s="39">
        <v>4239091659</v>
      </c>
      <c r="T12" s="40">
        <v>9930</v>
      </c>
      <c r="U12" s="37">
        <v>349294</v>
      </c>
      <c r="V12" s="37">
        <v>235068859</v>
      </c>
      <c r="W12" s="37">
        <v>897</v>
      </c>
      <c r="X12" s="37">
        <v>6622</v>
      </c>
      <c r="Y12" s="37">
        <v>72000700</v>
      </c>
      <c r="Z12" s="37">
        <v>979352</v>
      </c>
      <c r="AA12" s="41">
        <v>18955397204</v>
      </c>
      <c r="AB12" s="35">
        <v>6</v>
      </c>
      <c r="AC12" s="36" t="s">
        <v>52</v>
      </c>
      <c r="AD12" s="37">
        <v>0</v>
      </c>
      <c r="AE12" s="37">
        <v>23900</v>
      </c>
      <c r="AF12" s="37">
        <v>257281082</v>
      </c>
      <c r="AG12" s="37">
        <v>31</v>
      </c>
      <c r="AH12" s="37">
        <v>471472</v>
      </c>
      <c r="AI12" s="37">
        <v>0</v>
      </c>
      <c r="AJ12" s="37">
        <v>0</v>
      </c>
      <c r="AK12" s="44">
        <v>1003252</v>
      </c>
      <c r="AL12" s="43">
        <v>19212678286</v>
      </c>
      <c r="AM12" s="40">
        <v>14334740747</v>
      </c>
      <c r="AN12" s="37">
        <v>4181229112</v>
      </c>
      <c r="AO12" s="37">
        <v>696708427</v>
      </c>
      <c r="AP12" s="44">
        <v>38272</v>
      </c>
      <c r="AQ12" s="45">
        <v>1701963415</v>
      </c>
    </row>
    <row r="13" spans="1:53" s="8" customFormat="1" ht="12.75" customHeight="1" x14ac:dyDescent="0.15">
      <c r="A13" s="35">
        <v>7</v>
      </c>
      <c r="B13" s="36" t="s">
        <v>53</v>
      </c>
      <c r="C13" s="37">
        <v>6383</v>
      </c>
      <c r="D13" s="37">
        <v>161082</v>
      </c>
      <c r="E13" s="37">
        <v>3526828201</v>
      </c>
      <c r="F13" s="37">
        <v>253612</v>
      </c>
      <c r="G13" s="37">
        <v>413795</v>
      </c>
      <c r="H13" s="37">
        <v>3728754443</v>
      </c>
      <c r="I13" s="37">
        <v>51036</v>
      </c>
      <c r="J13" s="37">
        <v>99949</v>
      </c>
      <c r="K13" s="37">
        <v>700856140</v>
      </c>
      <c r="L13" s="37">
        <v>311031</v>
      </c>
      <c r="M13" s="37">
        <v>674826</v>
      </c>
      <c r="N13" s="45">
        <v>7956438784</v>
      </c>
      <c r="O13" s="35">
        <v>7</v>
      </c>
      <c r="P13" s="36" t="s">
        <v>54</v>
      </c>
      <c r="Q13" s="37">
        <v>181928</v>
      </c>
      <c r="R13" s="37">
        <v>219759</v>
      </c>
      <c r="S13" s="39">
        <v>2232037510</v>
      </c>
      <c r="T13" s="40">
        <v>6159</v>
      </c>
      <c r="U13" s="37">
        <v>241700</v>
      </c>
      <c r="V13" s="37">
        <v>162600201</v>
      </c>
      <c r="W13" s="37">
        <v>476</v>
      </c>
      <c r="X13" s="37">
        <v>2947</v>
      </c>
      <c r="Y13" s="37">
        <v>32875060</v>
      </c>
      <c r="Z13" s="37">
        <v>493435</v>
      </c>
      <c r="AA13" s="41">
        <v>10383951555</v>
      </c>
      <c r="AB13" s="35">
        <v>7</v>
      </c>
      <c r="AC13" s="36" t="s">
        <v>53</v>
      </c>
      <c r="AD13" s="37">
        <v>13</v>
      </c>
      <c r="AE13" s="37">
        <v>10090</v>
      </c>
      <c r="AF13" s="37">
        <v>105452605</v>
      </c>
      <c r="AG13" s="37">
        <v>15</v>
      </c>
      <c r="AH13" s="37">
        <v>481633</v>
      </c>
      <c r="AI13" s="37">
        <v>1</v>
      </c>
      <c r="AJ13" s="37">
        <v>32210</v>
      </c>
      <c r="AK13" s="44">
        <v>503539</v>
      </c>
      <c r="AL13" s="43">
        <v>10489436370</v>
      </c>
      <c r="AM13" s="40">
        <v>7867233180</v>
      </c>
      <c r="AN13" s="37">
        <v>2315843768</v>
      </c>
      <c r="AO13" s="37">
        <v>306359422</v>
      </c>
      <c r="AP13" s="44">
        <v>26666</v>
      </c>
      <c r="AQ13" s="45">
        <v>962019239</v>
      </c>
    </row>
    <row r="14" spans="1:53" s="8" customFormat="1" ht="12.75" customHeight="1" x14ac:dyDescent="0.15">
      <c r="A14" s="35">
        <v>8</v>
      </c>
      <c r="B14" s="36" t="s">
        <v>55</v>
      </c>
      <c r="C14" s="37">
        <v>6597</v>
      </c>
      <c r="D14" s="37">
        <v>83123</v>
      </c>
      <c r="E14" s="37">
        <v>3736311611</v>
      </c>
      <c r="F14" s="37">
        <v>284642</v>
      </c>
      <c r="G14" s="37">
        <v>441586</v>
      </c>
      <c r="H14" s="37">
        <v>4080659927</v>
      </c>
      <c r="I14" s="37">
        <v>64769</v>
      </c>
      <c r="J14" s="37">
        <v>122459</v>
      </c>
      <c r="K14" s="37">
        <v>833076300</v>
      </c>
      <c r="L14" s="37">
        <v>356008</v>
      </c>
      <c r="M14" s="37">
        <v>647168</v>
      </c>
      <c r="N14" s="45">
        <v>8650047838</v>
      </c>
      <c r="O14" s="35">
        <v>8</v>
      </c>
      <c r="P14" s="36" t="s">
        <v>55</v>
      </c>
      <c r="Q14" s="37">
        <v>214327</v>
      </c>
      <c r="R14" s="37">
        <v>255622</v>
      </c>
      <c r="S14" s="39">
        <v>2576815980</v>
      </c>
      <c r="T14" s="40">
        <v>6256</v>
      </c>
      <c r="U14" s="37">
        <v>202822</v>
      </c>
      <c r="V14" s="37">
        <v>136374752</v>
      </c>
      <c r="W14" s="37">
        <v>515</v>
      </c>
      <c r="X14" s="37">
        <v>3120</v>
      </c>
      <c r="Y14" s="37">
        <v>34809420</v>
      </c>
      <c r="Z14" s="37">
        <v>570850</v>
      </c>
      <c r="AA14" s="41">
        <v>11398047990</v>
      </c>
      <c r="AB14" s="35">
        <v>8</v>
      </c>
      <c r="AC14" s="36" t="s">
        <v>55</v>
      </c>
      <c r="AD14" s="37">
        <v>0</v>
      </c>
      <c r="AE14" s="37">
        <v>17476</v>
      </c>
      <c r="AF14" s="37">
        <v>193864854</v>
      </c>
      <c r="AG14" s="37">
        <v>10</v>
      </c>
      <c r="AH14" s="37">
        <v>353524</v>
      </c>
      <c r="AI14" s="37">
        <v>0</v>
      </c>
      <c r="AJ14" s="37">
        <v>0</v>
      </c>
      <c r="AK14" s="44">
        <v>588326</v>
      </c>
      <c r="AL14" s="43">
        <v>11591912844</v>
      </c>
      <c r="AM14" s="40">
        <v>8652240767</v>
      </c>
      <c r="AN14" s="37">
        <v>2581099371</v>
      </c>
      <c r="AO14" s="37">
        <v>358572706</v>
      </c>
      <c r="AP14" s="44">
        <v>17106</v>
      </c>
      <c r="AQ14" s="45">
        <v>1048718784</v>
      </c>
    </row>
    <row r="15" spans="1:53" s="8" customFormat="1" ht="12.75" customHeight="1" x14ac:dyDescent="0.15">
      <c r="A15" s="35">
        <v>9</v>
      </c>
      <c r="B15" s="36" t="s">
        <v>57</v>
      </c>
      <c r="C15" s="37">
        <v>1883</v>
      </c>
      <c r="D15" s="37">
        <v>26407</v>
      </c>
      <c r="E15" s="37">
        <v>1143706990</v>
      </c>
      <c r="F15" s="37">
        <v>83536</v>
      </c>
      <c r="G15" s="37">
        <v>119763</v>
      </c>
      <c r="H15" s="37">
        <v>1247296440</v>
      </c>
      <c r="I15" s="37">
        <v>33519</v>
      </c>
      <c r="J15" s="37">
        <v>38006</v>
      </c>
      <c r="K15" s="37">
        <v>251789230</v>
      </c>
      <c r="L15" s="37">
        <v>118938</v>
      </c>
      <c r="M15" s="37">
        <v>184176</v>
      </c>
      <c r="N15" s="45">
        <v>2642792660</v>
      </c>
      <c r="O15" s="35">
        <v>9</v>
      </c>
      <c r="P15" s="36" t="s">
        <v>57</v>
      </c>
      <c r="Q15" s="37">
        <v>61637</v>
      </c>
      <c r="R15" s="37">
        <v>74271</v>
      </c>
      <c r="S15" s="39">
        <v>740339740</v>
      </c>
      <c r="T15" s="40">
        <v>1831</v>
      </c>
      <c r="U15" s="37">
        <v>68867</v>
      </c>
      <c r="V15" s="37">
        <v>46195359</v>
      </c>
      <c r="W15" s="37">
        <v>176</v>
      </c>
      <c r="X15" s="37">
        <v>1151</v>
      </c>
      <c r="Y15" s="37">
        <v>11881500</v>
      </c>
      <c r="Z15" s="37">
        <v>180751</v>
      </c>
      <c r="AA15" s="41">
        <v>3441209259</v>
      </c>
      <c r="AB15" s="35">
        <v>9</v>
      </c>
      <c r="AC15" s="36" t="s">
        <v>56</v>
      </c>
      <c r="AD15" s="37">
        <v>119</v>
      </c>
      <c r="AE15" s="37">
        <v>3923</v>
      </c>
      <c r="AF15" s="37">
        <v>47807104</v>
      </c>
      <c r="AG15" s="37">
        <v>11</v>
      </c>
      <c r="AH15" s="37">
        <v>72531</v>
      </c>
      <c r="AI15" s="37">
        <v>0</v>
      </c>
      <c r="AJ15" s="37">
        <v>0</v>
      </c>
      <c r="AK15" s="44">
        <v>184793</v>
      </c>
      <c r="AL15" s="43">
        <v>3489016363</v>
      </c>
      <c r="AM15" s="40">
        <v>2607992493</v>
      </c>
      <c r="AN15" s="37">
        <v>779666394</v>
      </c>
      <c r="AO15" s="37">
        <v>101357476</v>
      </c>
      <c r="AP15" s="44">
        <v>7066</v>
      </c>
      <c r="AQ15" s="45">
        <v>328305698</v>
      </c>
    </row>
    <row r="16" spans="1:53" s="8" customFormat="1" ht="12.75" customHeight="1" x14ac:dyDescent="0.15">
      <c r="A16" s="35">
        <v>10</v>
      </c>
      <c r="B16" s="36" t="s">
        <v>58</v>
      </c>
      <c r="C16" s="37">
        <v>21573</v>
      </c>
      <c r="D16" s="37">
        <v>296516</v>
      </c>
      <c r="E16" s="37">
        <v>12597973540</v>
      </c>
      <c r="F16" s="37">
        <v>845051</v>
      </c>
      <c r="G16" s="37">
        <v>1363842</v>
      </c>
      <c r="H16" s="37">
        <v>13242462809</v>
      </c>
      <c r="I16" s="37">
        <v>183593</v>
      </c>
      <c r="J16" s="37">
        <v>367401</v>
      </c>
      <c r="K16" s="37">
        <v>2488946889</v>
      </c>
      <c r="L16" s="37">
        <v>1050217</v>
      </c>
      <c r="M16" s="37">
        <v>2027759</v>
      </c>
      <c r="N16" s="45">
        <v>28329383238</v>
      </c>
      <c r="O16" s="35">
        <v>10</v>
      </c>
      <c r="P16" s="36" t="s">
        <v>58</v>
      </c>
      <c r="Q16" s="37">
        <v>582631</v>
      </c>
      <c r="R16" s="37">
        <v>698466</v>
      </c>
      <c r="S16" s="39">
        <v>7261843018</v>
      </c>
      <c r="T16" s="40">
        <v>20419</v>
      </c>
      <c r="U16" s="37">
        <v>743436</v>
      </c>
      <c r="V16" s="37">
        <v>500887609</v>
      </c>
      <c r="W16" s="37">
        <v>1752</v>
      </c>
      <c r="X16" s="37">
        <v>11054</v>
      </c>
      <c r="Y16" s="37">
        <v>119711260</v>
      </c>
      <c r="Z16" s="37">
        <v>1634600</v>
      </c>
      <c r="AA16" s="41">
        <v>36211825125</v>
      </c>
      <c r="AB16" s="35">
        <v>10</v>
      </c>
      <c r="AC16" s="36" t="s">
        <v>58</v>
      </c>
      <c r="AD16" s="37">
        <v>103</v>
      </c>
      <c r="AE16" s="37">
        <v>46958</v>
      </c>
      <c r="AF16" s="37">
        <v>517470426</v>
      </c>
      <c r="AG16" s="37">
        <v>19</v>
      </c>
      <c r="AH16" s="37">
        <v>680398</v>
      </c>
      <c r="AI16" s="37">
        <v>2</v>
      </c>
      <c r="AJ16" s="37">
        <v>112610</v>
      </c>
      <c r="AK16" s="44">
        <v>1681663</v>
      </c>
      <c r="AL16" s="43">
        <v>36729408161</v>
      </c>
      <c r="AM16" s="40">
        <v>27443293225</v>
      </c>
      <c r="AN16" s="37">
        <v>8091511756</v>
      </c>
      <c r="AO16" s="37">
        <v>1194603180</v>
      </c>
      <c r="AP16" s="44">
        <v>72858</v>
      </c>
      <c r="AQ16" s="45">
        <v>3471138527</v>
      </c>
    </row>
    <row r="17" spans="1:43" s="8" customFormat="1" ht="12.75" customHeight="1" x14ac:dyDescent="0.15">
      <c r="A17" s="35">
        <v>11</v>
      </c>
      <c r="B17" s="36" t="s">
        <v>59</v>
      </c>
      <c r="C17" s="37">
        <v>1903</v>
      </c>
      <c r="D17" s="37">
        <v>22662</v>
      </c>
      <c r="E17" s="37">
        <v>1041374780</v>
      </c>
      <c r="F17" s="37">
        <v>74177</v>
      </c>
      <c r="G17" s="37">
        <v>120028</v>
      </c>
      <c r="H17" s="37">
        <v>1083238900</v>
      </c>
      <c r="I17" s="37">
        <v>14292</v>
      </c>
      <c r="J17" s="37">
        <v>26620</v>
      </c>
      <c r="K17" s="37">
        <v>193736030</v>
      </c>
      <c r="L17" s="37">
        <v>90372</v>
      </c>
      <c r="M17" s="37">
        <v>169310</v>
      </c>
      <c r="N17" s="45">
        <v>2318349710</v>
      </c>
      <c r="O17" s="35">
        <v>11</v>
      </c>
      <c r="P17" s="36" t="s">
        <v>59</v>
      </c>
      <c r="Q17" s="37">
        <v>53507</v>
      </c>
      <c r="R17" s="37">
        <v>65595</v>
      </c>
      <c r="S17" s="39">
        <v>736778600</v>
      </c>
      <c r="T17" s="40">
        <v>1802</v>
      </c>
      <c r="U17" s="37">
        <v>56525</v>
      </c>
      <c r="V17" s="37">
        <v>38063745</v>
      </c>
      <c r="W17" s="37">
        <v>77</v>
      </c>
      <c r="X17" s="37">
        <v>596</v>
      </c>
      <c r="Y17" s="37">
        <v>6577470</v>
      </c>
      <c r="Z17" s="37">
        <v>143956</v>
      </c>
      <c r="AA17" s="41">
        <v>3099769525</v>
      </c>
      <c r="AB17" s="35">
        <v>11</v>
      </c>
      <c r="AC17" s="36" t="s">
        <v>59</v>
      </c>
      <c r="AD17" s="37">
        <v>6</v>
      </c>
      <c r="AE17" s="37">
        <v>3608</v>
      </c>
      <c r="AF17" s="37">
        <v>42955432</v>
      </c>
      <c r="AG17" s="37">
        <v>1</v>
      </c>
      <c r="AH17" s="37">
        <v>4146</v>
      </c>
      <c r="AI17" s="37">
        <v>0</v>
      </c>
      <c r="AJ17" s="37">
        <v>0</v>
      </c>
      <c r="AK17" s="44">
        <v>147570</v>
      </c>
      <c r="AL17" s="43">
        <v>3142724957</v>
      </c>
      <c r="AM17" s="40">
        <v>2353917482</v>
      </c>
      <c r="AN17" s="37">
        <v>702481032</v>
      </c>
      <c r="AO17" s="37">
        <v>86326443</v>
      </c>
      <c r="AP17" s="44">
        <v>7729</v>
      </c>
      <c r="AQ17" s="45">
        <v>281882311</v>
      </c>
    </row>
    <row r="18" spans="1:43" s="8" customFormat="1" ht="12.75" customHeight="1" x14ac:dyDescent="0.15">
      <c r="A18" s="35">
        <v>12</v>
      </c>
      <c r="B18" s="36" t="s">
        <v>60</v>
      </c>
      <c r="C18" s="37">
        <v>5890</v>
      </c>
      <c r="D18" s="37">
        <v>81042</v>
      </c>
      <c r="E18" s="37">
        <v>3272305658</v>
      </c>
      <c r="F18" s="37">
        <v>226723</v>
      </c>
      <c r="G18" s="37">
        <v>326380</v>
      </c>
      <c r="H18" s="37">
        <v>3267981692</v>
      </c>
      <c r="I18" s="37">
        <v>46471</v>
      </c>
      <c r="J18" s="37">
        <v>92758</v>
      </c>
      <c r="K18" s="37">
        <v>618643640</v>
      </c>
      <c r="L18" s="37">
        <v>279084</v>
      </c>
      <c r="M18" s="37">
        <v>500180</v>
      </c>
      <c r="N18" s="45">
        <v>7158930990</v>
      </c>
      <c r="O18" s="35">
        <v>12</v>
      </c>
      <c r="P18" s="36" t="s">
        <v>60</v>
      </c>
      <c r="Q18" s="37">
        <v>146205</v>
      </c>
      <c r="R18" s="37">
        <v>167683</v>
      </c>
      <c r="S18" s="39">
        <v>1872507654</v>
      </c>
      <c r="T18" s="40">
        <v>5649</v>
      </c>
      <c r="U18" s="37">
        <v>205519</v>
      </c>
      <c r="V18" s="37">
        <v>137200315</v>
      </c>
      <c r="W18" s="37">
        <v>431</v>
      </c>
      <c r="X18" s="37">
        <v>3277</v>
      </c>
      <c r="Y18" s="37">
        <v>36813020</v>
      </c>
      <c r="Z18" s="37">
        <v>425720</v>
      </c>
      <c r="AA18" s="41">
        <v>9205451979</v>
      </c>
      <c r="AB18" s="35">
        <v>12</v>
      </c>
      <c r="AC18" s="36" t="s">
        <v>60</v>
      </c>
      <c r="AD18" s="37">
        <v>12</v>
      </c>
      <c r="AE18" s="37">
        <v>9064</v>
      </c>
      <c r="AF18" s="37">
        <v>91816338</v>
      </c>
      <c r="AG18" s="37">
        <v>0</v>
      </c>
      <c r="AH18" s="37">
        <v>0</v>
      </c>
      <c r="AI18" s="37">
        <v>0</v>
      </c>
      <c r="AJ18" s="37">
        <v>0</v>
      </c>
      <c r="AK18" s="44">
        <v>434796</v>
      </c>
      <c r="AL18" s="43">
        <v>9297268317</v>
      </c>
      <c r="AM18" s="40">
        <v>6924214244</v>
      </c>
      <c r="AN18" s="37">
        <v>2142679596</v>
      </c>
      <c r="AO18" s="37">
        <v>230374477</v>
      </c>
      <c r="AP18" s="44">
        <v>19174</v>
      </c>
      <c r="AQ18" s="45">
        <v>888240256</v>
      </c>
    </row>
    <row r="19" spans="1:43" s="8" customFormat="1" ht="12.75" customHeight="1" x14ac:dyDescent="0.15">
      <c r="A19" s="35">
        <v>13</v>
      </c>
      <c r="B19" s="36" t="s">
        <v>61</v>
      </c>
      <c r="C19" s="37">
        <v>7198</v>
      </c>
      <c r="D19" s="37">
        <v>95529</v>
      </c>
      <c r="E19" s="37">
        <v>4251025236</v>
      </c>
      <c r="F19" s="37">
        <v>269700</v>
      </c>
      <c r="G19" s="37">
        <v>449350</v>
      </c>
      <c r="H19" s="37">
        <v>4199007806</v>
      </c>
      <c r="I19" s="37">
        <v>57712</v>
      </c>
      <c r="J19" s="37">
        <v>110361</v>
      </c>
      <c r="K19" s="37">
        <v>739880264</v>
      </c>
      <c r="L19" s="37">
        <v>334610</v>
      </c>
      <c r="M19" s="37">
        <v>655240</v>
      </c>
      <c r="N19" s="45">
        <v>9189913306</v>
      </c>
      <c r="O19" s="35">
        <v>13</v>
      </c>
      <c r="P19" s="36" t="s">
        <v>61</v>
      </c>
      <c r="Q19" s="37">
        <v>186668</v>
      </c>
      <c r="R19" s="37">
        <v>222073</v>
      </c>
      <c r="S19" s="39">
        <v>2426773789</v>
      </c>
      <c r="T19" s="40">
        <v>6854</v>
      </c>
      <c r="U19" s="37">
        <v>237346</v>
      </c>
      <c r="V19" s="37">
        <v>159323361</v>
      </c>
      <c r="W19" s="37">
        <v>397</v>
      </c>
      <c r="X19" s="37">
        <v>2348</v>
      </c>
      <c r="Y19" s="37">
        <v>25782860</v>
      </c>
      <c r="Z19" s="37">
        <v>521675</v>
      </c>
      <c r="AA19" s="41">
        <v>11801793316</v>
      </c>
      <c r="AB19" s="35">
        <v>13</v>
      </c>
      <c r="AC19" s="36" t="s">
        <v>61</v>
      </c>
      <c r="AD19" s="37">
        <v>18</v>
      </c>
      <c r="AE19" s="37">
        <v>10581</v>
      </c>
      <c r="AF19" s="37">
        <v>116640720</v>
      </c>
      <c r="AG19" s="37">
        <v>7</v>
      </c>
      <c r="AH19" s="37">
        <v>322189</v>
      </c>
      <c r="AI19" s="37">
        <v>0</v>
      </c>
      <c r="AJ19" s="37">
        <v>0</v>
      </c>
      <c r="AK19" s="44">
        <v>532274</v>
      </c>
      <c r="AL19" s="43">
        <v>11918434036</v>
      </c>
      <c r="AM19" s="40">
        <v>8884708958</v>
      </c>
      <c r="AN19" s="37">
        <v>2703875316</v>
      </c>
      <c r="AO19" s="37">
        <v>329849762</v>
      </c>
      <c r="AP19" s="44">
        <v>23482</v>
      </c>
      <c r="AQ19" s="45">
        <v>1154491663</v>
      </c>
    </row>
    <row r="20" spans="1:43" s="8" customFormat="1" ht="12.75" customHeight="1" x14ac:dyDescent="0.15">
      <c r="A20" s="35">
        <v>14</v>
      </c>
      <c r="B20" s="36" t="s">
        <v>62</v>
      </c>
      <c r="C20" s="37">
        <v>6449</v>
      </c>
      <c r="D20" s="37">
        <v>84648</v>
      </c>
      <c r="E20" s="37">
        <v>3802494090</v>
      </c>
      <c r="F20" s="37">
        <v>269886</v>
      </c>
      <c r="G20" s="37">
        <v>432750</v>
      </c>
      <c r="H20" s="37">
        <v>3986091490</v>
      </c>
      <c r="I20" s="37">
        <v>58278</v>
      </c>
      <c r="J20" s="37">
        <v>115742</v>
      </c>
      <c r="K20" s="37">
        <v>765706640</v>
      </c>
      <c r="L20" s="37">
        <v>334613</v>
      </c>
      <c r="M20" s="37">
        <v>633140</v>
      </c>
      <c r="N20" s="45">
        <v>8554292220</v>
      </c>
      <c r="O20" s="35">
        <v>14</v>
      </c>
      <c r="P20" s="36" t="s">
        <v>62</v>
      </c>
      <c r="Q20" s="37">
        <v>205922</v>
      </c>
      <c r="R20" s="37">
        <v>246224</v>
      </c>
      <c r="S20" s="39">
        <v>2502966530</v>
      </c>
      <c r="T20" s="40">
        <v>6203</v>
      </c>
      <c r="U20" s="37">
        <v>212333</v>
      </c>
      <c r="V20" s="37">
        <v>143466497</v>
      </c>
      <c r="W20" s="37">
        <v>514</v>
      </c>
      <c r="X20" s="37">
        <v>3238</v>
      </c>
      <c r="Y20" s="37">
        <v>36072500</v>
      </c>
      <c r="Z20" s="37">
        <v>541049</v>
      </c>
      <c r="AA20" s="41">
        <v>11236797747</v>
      </c>
      <c r="AB20" s="35">
        <v>14</v>
      </c>
      <c r="AC20" s="36" t="s">
        <v>62</v>
      </c>
      <c r="AD20" s="37">
        <v>11</v>
      </c>
      <c r="AE20" s="37">
        <v>14071</v>
      </c>
      <c r="AF20" s="37">
        <v>145455909</v>
      </c>
      <c r="AG20" s="37">
        <v>3</v>
      </c>
      <c r="AH20" s="37">
        <v>33309</v>
      </c>
      <c r="AI20" s="37">
        <v>0</v>
      </c>
      <c r="AJ20" s="37">
        <v>0</v>
      </c>
      <c r="AK20" s="44">
        <v>555131</v>
      </c>
      <c r="AL20" s="43">
        <v>11382253656</v>
      </c>
      <c r="AM20" s="40">
        <v>8495121267</v>
      </c>
      <c r="AN20" s="37">
        <v>2579777296</v>
      </c>
      <c r="AO20" s="37">
        <v>307355093</v>
      </c>
      <c r="AP20" s="44">
        <v>22598</v>
      </c>
      <c r="AQ20" s="45">
        <v>1138370034</v>
      </c>
    </row>
    <row r="21" spans="1:43" s="8" customFormat="1" ht="12.75" customHeight="1" x14ac:dyDescent="0.15">
      <c r="A21" s="35">
        <v>15</v>
      </c>
      <c r="B21" s="36" t="s">
        <v>63</v>
      </c>
      <c r="C21" s="37">
        <v>3142</v>
      </c>
      <c r="D21" s="37">
        <v>47916</v>
      </c>
      <c r="E21" s="37">
        <v>1873745888</v>
      </c>
      <c r="F21" s="37">
        <v>117426</v>
      </c>
      <c r="G21" s="37">
        <v>178084</v>
      </c>
      <c r="H21" s="37">
        <v>1928873640</v>
      </c>
      <c r="I21" s="37">
        <v>26761</v>
      </c>
      <c r="J21" s="37">
        <v>53581</v>
      </c>
      <c r="K21" s="37">
        <v>346997160</v>
      </c>
      <c r="L21" s="37">
        <v>147329</v>
      </c>
      <c r="M21" s="37">
        <v>279581</v>
      </c>
      <c r="N21" s="45">
        <v>4149616688</v>
      </c>
      <c r="O21" s="35">
        <v>15</v>
      </c>
      <c r="P21" s="36" t="s">
        <v>63</v>
      </c>
      <c r="Q21" s="37">
        <v>78097</v>
      </c>
      <c r="R21" s="37">
        <v>89545</v>
      </c>
      <c r="S21" s="39">
        <v>967348000</v>
      </c>
      <c r="T21" s="40">
        <v>2987</v>
      </c>
      <c r="U21" s="37">
        <v>121719</v>
      </c>
      <c r="V21" s="37">
        <v>81782007</v>
      </c>
      <c r="W21" s="37">
        <v>364</v>
      </c>
      <c r="X21" s="37">
        <v>2484</v>
      </c>
      <c r="Y21" s="37">
        <v>26970120</v>
      </c>
      <c r="Z21" s="37">
        <v>225790</v>
      </c>
      <c r="AA21" s="41">
        <v>5225716815</v>
      </c>
      <c r="AB21" s="35">
        <v>15</v>
      </c>
      <c r="AC21" s="36" t="s">
        <v>63</v>
      </c>
      <c r="AD21" s="37">
        <v>0</v>
      </c>
      <c r="AE21" s="37">
        <v>5572</v>
      </c>
      <c r="AF21" s="37">
        <v>65099849</v>
      </c>
      <c r="AG21" s="37">
        <v>1</v>
      </c>
      <c r="AH21" s="37">
        <v>330728</v>
      </c>
      <c r="AI21" s="37">
        <v>1</v>
      </c>
      <c r="AJ21" s="37">
        <v>23231</v>
      </c>
      <c r="AK21" s="44">
        <v>231363</v>
      </c>
      <c r="AL21" s="43">
        <v>5290839895</v>
      </c>
      <c r="AM21" s="40">
        <v>3937936238</v>
      </c>
      <c r="AN21" s="37">
        <v>1208816793</v>
      </c>
      <c r="AO21" s="37">
        <v>144086864</v>
      </c>
      <c r="AP21" s="44">
        <v>10425</v>
      </c>
      <c r="AQ21" s="45">
        <v>537346217</v>
      </c>
    </row>
    <row r="22" spans="1:43" s="8" customFormat="1" ht="12.75" customHeight="1" x14ac:dyDescent="0.15">
      <c r="A22" s="35">
        <v>16</v>
      </c>
      <c r="B22" s="36" t="s">
        <v>64</v>
      </c>
      <c r="C22" s="37">
        <v>3474</v>
      </c>
      <c r="D22" s="37">
        <v>44604</v>
      </c>
      <c r="E22" s="37">
        <v>2027071529</v>
      </c>
      <c r="F22" s="37">
        <v>152353</v>
      </c>
      <c r="G22" s="37">
        <v>229240</v>
      </c>
      <c r="H22" s="37">
        <v>2725007926</v>
      </c>
      <c r="I22" s="37">
        <v>32902</v>
      </c>
      <c r="J22" s="37">
        <v>62030</v>
      </c>
      <c r="K22" s="37">
        <v>420530880</v>
      </c>
      <c r="L22" s="37">
        <v>188729</v>
      </c>
      <c r="M22" s="37">
        <v>335874</v>
      </c>
      <c r="N22" s="45">
        <v>5172610335</v>
      </c>
      <c r="O22" s="35">
        <v>16</v>
      </c>
      <c r="P22" s="36" t="s">
        <v>64</v>
      </c>
      <c r="Q22" s="37">
        <v>73829</v>
      </c>
      <c r="R22" s="37">
        <v>89937</v>
      </c>
      <c r="S22" s="39">
        <v>859353640</v>
      </c>
      <c r="T22" s="40">
        <v>3309</v>
      </c>
      <c r="U22" s="37">
        <v>111857</v>
      </c>
      <c r="V22" s="37">
        <v>74727853</v>
      </c>
      <c r="W22" s="37">
        <v>368</v>
      </c>
      <c r="X22" s="37">
        <v>2395</v>
      </c>
      <c r="Y22" s="37">
        <v>25382680</v>
      </c>
      <c r="Z22" s="37">
        <v>262926</v>
      </c>
      <c r="AA22" s="41">
        <v>6132074508</v>
      </c>
      <c r="AB22" s="35">
        <v>16</v>
      </c>
      <c r="AC22" s="36" t="s">
        <v>64</v>
      </c>
      <c r="AD22" s="37">
        <v>6</v>
      </c>
      <c r="AE22" s="37">
        <v>5952</v>
      </c>
      <c r="AF22" s="37">
        <v>61583527</v>
      </c>
      <c r="AG22" s="37">
        <v>15</v>
      </c>
      <c r="AH22" s="37">
        <v>827571</v>
      </c>
      <c r="AI22" s="37">
        <v>1</v>
      </c>
      <c r="AJ22" s="37">
        <v>102200</v>
      </c>
      <c r="AK22" s="44">
        <v>268885</v>
      </c>
      <c r="AL22" s="43">
        <v>6193760235</v>
      </c>
      <c r="AM22" s="40">
        <v>4615076117</v>
      </c>
      <c r="AN22" s="37">
        <v>1388912051</v>
      </c>
      <c r="AO22" s="37">
        <v>189772067</v>
      </c>
      <c r="AP22" s="44">
        <v>11931</v>
      </c>
      <c r="AQ22" s="45">
        <v>593957995</v>
      </c>
    </row>
    <row r="23" spans="1:43" s="8" customFormat="1" ht="12.75" customHeight="1" x14ac:dyDescent="0.15">
      <c r="A23" s="35">
        <v>17</v>
      </c>
      <c r="B23" s="36" t="s">
        <v>65</v>
      </c>
      <c r="C23" s="37">
        <v>3737</v>
      </c>
      <c r="D23" s="37">
        <v>49853</v>
      </c>
      <c r="E23" s="37">
        <v>2153215331</v>
      </c>
      <c r="F23" s="37">
        <v>155442</v>
      </c>
      <c r="G23" s="37">
        <v>258918</v>
      </c>
      <c r="H23" s="37">
        <v>2453444482</v>
      </c>
      <c r="I23" s="37">
        <v>35753</v>
      </c>
      <c r="J23" s="37">
        <v>67614</v>
      </c>
      <c r="K23" s="37">
        <v>457689440</v>
      </c>
      <c r="L23" s="37">
        <v>194932</v>
      </c>
      <c r="M23" s="37">
        <v>376385</v>
      </c>
      <c r="N23" s="45">
        <v>5064349253</v>
      </c>
      <c r="O23" s="35">
        <v>17</v>
      </c>
      <c r="P23" s="36" t="s">
        <v>66</v>
      </c>
      <c r="Q23" s="37">
        <v>105580</v>
      </c>
      <c r="R23" s="37">
        <v>128524</v>
      </c>
      <c r="S23" s="39">
        <v>1254270910</v>
      </c>
      <c r="T23" s="40">
        <v>3568</v>
      </c>
      <c r="U23" s="37">
        <v>125008</v>
      </c>
      <c r="V23" s="37">
        <v>84455413</v>
      </c>
      <c r="W23" s="37">
        <v>267</v>
      </c>
      <c r="X23" s="37">
        <v>2074</v>
      </c>
      <c r="Y23" s="37">
        <v>21715260</v>
      </c>
      <c r="Z23" s="37">
        <v>300779</v>
      </c>
      <c r="AA23" s="41">
        <v>6424790836</v>
      </c>
      <c r="AB23" s="35">
        <v>17</v>
      </c>
      <c r="AC23" s="36" t="s">
        <v>66</v>
      </c>
      <c r="AD23" s="37">
        <v>3</v>
      </c>
      <c r="AE23" s="37">
        <v>6873</v>
      </c>
      <c r="AF23" s="37">
        <v>72232325</v>
      </c>
      <c r="AG23" s="37">
        <v>5</v>
      </c>
      <c r="AH23" s="37">
        <v>329761</v>
      </c>
      <c r="AI23" s="37">
        <v>0</v>
      </c>
      <c r="AJ23" s="37">
        <v>0</v>
      </c>
      <c r="AK23" s="44">
        <v>307655</v>
      </c>
      <c r="AL23" s="43">
        <v>6497023161</v>
      </c>
      <c r="AM23" s="40">
        <v>4847445274</v>
      </c>
      <c r="AN23" s="37">
        <v>1458495143</v>
      </c>
      <c r="AO23" s="37">
        <v>191082744</v>
      </c>
      <c r="AP23" s="44">
        <v>13338</v>
      </c>
      <c r="AQ23" s="45">
        <v>621223387</v>
      </c>
    </row>
    <row r="24" spans="1:43" s="8" customFormat="1" ht="12.75" customHeight="1" x14ac:dyDescent="0.15">
      <c r="A24" s="35">
        <v>18</v>
      </c>
      <c r="B24" s="36" t="s">
        <v>67</v>
      </c>
      <c r="C24" s="37">
        <v>1404</v>
      </c>
      <c r="D24" s="37">
        <v>21898</v>
      </c>
      <c r="E24" s="37">
        <v>827511130</v>
      </c>
      <c r="F24" s="37">
        <v>56361</v>
      </c>
      <c r="G24" s="37">
        <v>87448</v>
      </c>
      <c r="H24" s="37">
        <v>778166350</v>
      </c>
      <c r="I24" s="37">
        <v>12340</v>
      </c>
      <c r="J24" s="37">
        <v>25602</v>
      </c>
      <c r="K24" s="37">
        <v>166148490</v>
      </c>
      <c r="L24" s="37">
        <v>70105</v>
      </c>
      <c r="M24" s="37">
        <v>134948</v>
      </c>
      <c r="N24" s="45">
        <v>1771825970</v>
      </c>
      <c r="O24" s="35">
        <v>18</v>
      </c>
      <c r="P24" s="36" t="s">
        <v>67</v>
      </c>
      <c r="Q24" s="37">
        <v>41419</v>
      </c>
      <c r="R24" s="37">
        <v>50588</v>
      </c>
      <c r="S24" s="39">
        <v>484790630</v>
      </c>
      <c r="T24" s="40">
        <v>1333</v>
      </c>
      <c r="U24" s="37">
        <v>55696</v>
      </c>
      <c r="V24" s="37">
        <v>37454931</v>
      </c>
      <c r="W24" s="37">
        <v>139</v>
      </c>
      <c r="X24" s="37">
        <v>1000</v>
      </c>
      <c r="Y24" s="37">
        <v>10713420</v>
      </c>
      <c r="Z24" s="37">
        <v>111663</v>
      </c>
      <c r="AA24" s="41">
        <v>2304784951</v>
      </c>
      <c r="AB24" s="35">
        <v>18</v>
      </c>
      <c r="AC24" s="36" t="s">
        <v>67</v>
      </c>
      <c r="AD24" s="37">
        <v>0</v>
      </c>
      <c r="AE24" s="37">
        <v>2016</v>
      </c>
      <c r="AF24" s="37">
        <v>22138578</v>
      </c>
      <c r="AG24" s="37">
        <v>1</v>
      </c>
      <c r="AH24" s="37">
        <v>8950</v>
      </c>
      <c r="AI24" s="37">
        <v>0</v>
      </c>
      <c r="AJ24" s="37">
        <v>0</v>
      </c>
      <c r="AK24" s="44">
        <v>113679</v>
      </c>
      <c r="AL24" s="43">
        <v>2326923529</v>
      </c>
      <c r="AM24" s="40">
        <v>1737962231</v>
      </c>
      <c r="AN24" s="37">
        <v>515226555</v>
      </c>
      <c r="AO24" s="37">
        <v>73734743</v>
      </c>
      <c r="AP24" s="44">
        <v>3940</v>
      </c>
      <c r="AQ24" s="45">
        <v>209351331</v>
      </c>
    </row>
    <row r="25" spans="1:43" s="8" customFormat="1" ht="12.75" customHeight="1" thickBot="1" x14ac:dyDescent="0.2">
      <c r="A25" s="46">
        <v>21</v>
      </c>
      <c r="B25" s="47" t="s">
        <v>68</v>
      </c>
      <c r="C25" s="48">
        <v>2759</v>
      </c>
      <c r="D25" s="48">
        <v>38127</v>
      </c>
      <c r="E25" s="48">
        <v>1592605040</v>
      </c>
      <c r="F25" s="48">
        <v>107075</v>
      </c>
      <c r="G25" s="48">
        <v>168491</v>
      </c>
      <c r="H25" s="48">
        <v>1783839829</v>
      </c>
      <c r="I25" s="48">
        <v>25954</v>
      </c>
      <c r="J25" s="48">
        <v>49109</v>
      </c>
      <c r="K25" s="48">
        <v>345042710</v>
      </c>
      <c r="L25" s="48">
        <v>135788</v>
      </c>
      <c r="M25" s="48">
        <v>255727</v>
      </c>
      <c r="N25" s="49">
        <v>3721487579</v>
      </c>
      <c r="O25" s="46">
        <v>21</v>
      </c>
      <c r="P25" s="47" t="s">
        <v>68</v>
      </c>
      <c r="Q25" s="48">
        <v>68107</v>
      </c>
      <c r="R25" s="48">
        <v>83198</v>
      </c>
      <c r="S25" s="50">
        <v>847821872</v>
      </c>
      <c r="T25" s="51">
        <v>2640</v>
      </c>
      <c r="U25" s="48">
        <v>93024</v>
      </c>
      <c r="V25" s="48">
        <v>62424327</v>
      </c>
      <c r="W25" s="48">
        <v>193</v>
      </c>
      <c r="X25" s="48">
        <v>1363</v>
      </c>
      <c r="Y25" s="48">
        <v>15248300</v>
      </c>
      <c r="Z25" s="52">
        <v>204088</v>
      </c>
      <c r="AA25" s="53">
        <v>4646982078</v>
      </c>
      <c r="AB25" s="46">
        <v>21</v>
      </c>
      <c r="AC25" s="47" t="s">
        <v>69</v>
      </c>
      <c r="AD25" s="48">
        <v>0</v>
      </c>
      <c r="AE25" s="48">
        <v>5489</v>
      </c>
      <c r="AF25" s="48">
        <v>58519090</v>
      </c>
      <c r="AG25" s="48">
        <v>0</v>
      </c>
      <c r="AH25" s="48">
        <v>0</v>
      </c>
      <c r="AI25" s="48">
        <v>0</v>
      </c>
      <c r="AJ25" s="48">
        <v>0</v>
      </c>
      <c r="AK25" s="54">
        <v>209577</v>
      </c>
      <c r="AL25" s="55">
        <v>4705501168</v>
      </c>
      <c r="AM25" s="51">
        <v>3514749047</v>
      </c>
      <c r="AN25" s="48">
        <v>1063877269</v>
      </c>
      <c r="AO25" s="48">
        <v>126874852</v>
      </c>
      <c r="AP25" s="54">
        <v>11440</v>
      </c>
      <c r="AQ25" s="49">
        <v>457917973</v>
      </c>
    </row>
    <row r="26" spans="1:43" s="8" customFormat="1" ht="12.75" customHeight="1" thickTop="1" x14ac:dyDescent="0.15">
      <c r="A26" s="35">
        <v>19</v>
      </c>
      <c r="B26" s="36" t="s">
        <v>70</v>
      </c>
      <c r="C26" s="37">
        <v>900</v>
      </c>
      <c r="D26" s="37">
        <v>10391</v>
      </c>
      <c r="E26" s="37">
        <v>525489540</v>
      </c>
      <c r="F26" s="37">
        <v>46917</v>
      </c>
      <c r="G26" s="37">
        <v>71743</v>
      </c>
      <c r="H26" s="37">
        <v>691727050</v>
      </c>
      <c r="I26" s="37">
        <v>9817</v>
      </c>
      <c r="J26" s="37">
        <v>19081</v>
      </c>
      <c r="K26" s="37">
        <v>133835240</v>
      </c>
      <c r="L26" s="37">
        <v>57634</v>
      </c>
      <c r="M26" s="37">
        <v>101215</v>
      </c>
      <c r="N26" s="45">
        <v>1351051830</v>
      </c>
      <c r="O26" s="35">
        <v>19</v>
      </c>
      <c r="P26" s="36" t="s">
        <v>71</v>
      </c>
      <c r="Q26" s="37">
        <v>30737</v>
      </c>
      <c r="R26" s="37">
        <v>36394</v>
      </c>
      <c r="S26" s="39">
        <v>366839030</v>
      </c>
      <c r="T26" s="40">
        <v>866</v>
      </c>
      <c r="U26" s="37">
        <v>26208</v>
      </c>
      <c r="V26" s="37">
        <v>17649984</v>
      </c>
      <c r="W26" s="37">
        <v>67</v>
      </c>
      <c r="X26" s="37">
        <v>519</v>
      </c>
      <c r="Y26" s="37">
        <v>5467910</v>
      </c>
      <c r="Z26" s="37">
        <v>88438</v>
      </c>
      <c r="AA26" s="41">
        <v>1741008754</v>
      </c>
      <c r="AB26" s="35">
        <v>19</v>
      </c>
      <c r="AC26" s="36" t="s">
        <v>70</v>
      </c>
      <c r="AD26" s="37">
        <v>0</v>
      </c>
      <c r="AE26" s="37">
        <v>1707</v>
      </c>
      <c r="AF26" s="37">
        <v>17641053</v>
      </c>
      <c r="AG26" s="37">
        <v>0</v>
      </c>
      <c r="AH26" s="37">
        <v>0</v>
      </c>
      <c r="AI26" s="37">
        <v>0</v>
      </c>
      <c r="AJ26" s="37">
        <v>0</v>
      </c>
      <c r="AK26" s="44">
        <v>90145</v>
      </c>
      <c r="AL26" s="43">
        <v>1758649807</v>
      </c>
      <c r="AM26" s="40">
        <v>1312912996</v>
      </c>
      <c r="AN26" s="37">
        <v>395693130</v>
      </c>
      <c r="AO26" s="37">
        <v>50043681</v>
      </c>
      <c r="AP26" s="44">
        <v>3551</v>
      </c>
      <c r="AQ26" s="45">
        <v>146389670</v>
      </c>
    </row>
    <row r="27" spans="1:43" s="8" customFormat="1" ht="12.75" customHeight="1" x14ac:dyDescent="0.15">
      <c r="A27" s="35">
        <v>20</v>
      </c>
      <c r="B27" s="36" t="s">
        <v>73</v>
      </c>
      <c r="C27" s="37">
        <v>1741</v>
      </c>
      <c r="D27" s="37">
        <v>23790</v>
      </c>
      <c r="E27" s="37">
        <v>956479712</v>
      </c>
      <c r="F27" s="37">
        <v>59515</v>
      </c>
      <c r="G27" s="37">
        <v>95824</v>
      </c>
      <c r="H27" s="37">
        <v>914907236</v>
      </c>
      <c r="I27" s="37">
        <v>14260</v>
      </c>
      <c r="J27" s="37">
        <v>24922</v>
      </c>
      <c r="K27" s="37">
        <v>167732000</v>
      </c>
      <c r="L27" s="37">
        <v>75516</v>
      </c>
      <c r="M27" s="37">
        <v>144536</v>
      </c>
      <c r="N27" s="45">
        <v>2039118948</v>
      </c>
      <c r="O27" s="35">
        <v>20</v>
      </c>
      <c r="P27" s="36" t="s">
        <v>74</v>
      </c>
      <c r="Q27" s="37">
        <v>39945</v>
      </c>
      <c r="R27" s="37">
        <v>48516</v>
      </c>
      <c r="S27" s="39">
        <v>538517035</v>
      </c>
      <c r="T27" s="40">
        <v>1649</v>
      </c>
      <c r="U27" s="37">
        <v>60108</v>
      </c>
      <c r="V27" s="37">
        <v>40304072</v>
      </c>
      <c r="W27" s="37">
        <v>135</v>
      </c>
      <c r="X27" s="37">
        <v>858</v>
      </c>
      <c r="Y27" s="37">
        <v>8936170</v>
      </c>
      <c r="Z27" s="37">
        <v>115596</v>
      </c>
      <c r="AA27" s="41">
        <v>2626876225</v>
      </c>
      <c r="AB27" s="35">
        <v>20</v>
      </c>
      <c r="AC27" s="36" t="s">
        <v>72</v>
      </c>
      <c r="AD27" s="37">
        <v>104</v>
      </c>
      <c r="AE27" s="37">
        <v>3274</v>
      </c>
      <c r="AF27" s="37">
        <v>39810747</v>
      </c>
      <c r="AG27" s="37">
        <v>3</v>
      </c>
      <c r="AH27" s="37">
        <v>45966</v>
      </c>
      <c r="AI27" s="37">
        <v>0</v>
      </c>
      <c r="AJ27" s="37">
        <v>0</v>
      </c>
      <c r="AK27" s="44">
        <v>118974</v>
      </c>
      <c r="AL27" s="43">
        <v>2666686972</v>
      </c>
      <c r="AM27" s="40">
        <v>1999543163</v>
      </c>
      <c r="AN27" s="37">
        <v>590534194</v>
      </c>
      <c r="AO27" s="37">
        <v>76609615</v>
      </c>
      <c r="AP27" s="44">
        <v>6942</v>
      </c>
      <c r="AQ27" s="45">
        <v>247310753</v>
      </c>
    </row>
    <row r="28" spans="1:43" s="8" customFormat="1" ht="12.75" customHeight="1" x14ac:dyDescent="0.15">
      <c r="A28" s="35">
        <v>22</v>
      </c>
      <c r="B28" s="36" t="s">
        <v>75</v>
      </c>
      <c r="C28" s="37">
        <v>1134</v>
      </c>
      <c r="D28" s="37">
        <v>15535</v>
      </c>
      <c r="E28" s="37">
        <v>671144550</v>
      </c>
      <c r="F28" s="37">
        <v>49413</v>
      </c>
      <c r="G28" s="37">
        <v>72843</v>
      </c>
      <c r="H28" s="37">
        <v>704973130</v>
      </c>
      <c r="I28" s="37">
        <v>11328</v>
      </c>
      <c r="J28" s="37">
        <v>21230</v>
      </c>
      <c r="K28" s="37">
        <v>147952080</v>
      </c>
      <c r="L28" s="37">
        <v>61875</v>
      </c>
      <c r="M28" s="37">
        <v>109608</v>
      </c>
      <c r="N28" s="45">
        <v>1524069760</v>
      </c>
      <c r="O28" s="35">
        <v>22</v>
      </c>
      <c r="P28" s="36" t="s">
        <v>76</v>
      </c>
      <c r="Q28" s="37">
        <v>37944</v>
      </c>
      <c r="R28" s="37">
        <v>44403</v>
      </c>
      <c r="S28" s="39">
        <v>480819370</v>
      </c>
      <c r="T28" s="40">
        <v>1108</v>
      </c>
      <c r="U28" s="37">
        <v>38625</v>
      </c>
      <c r="V28" s="37">
        <v>26408831</v>
      </c>
      <c r="W28" s="37">
        <v>135</v>
      </c>
      <c r="X28" s="37">
        <v>976</v>
      </c>
      <c r="Y28" s="37">
        <v>9700960</v>
      </c>
      <c r="Z28" s="37">
        <v>99954</v>
      </c>
      <c r="AA28" s="41">
        <v>2040998921</v>
      </c>
      <c r="AB28" s="35">
        <v>22</v>
      </c>
      <c r="AC28" s="36" t="s">
        <v>77</v>
      </c>
      <c r="AD28" s="37">
        <v>57</v>
      </c>
      <c r="AE28" s="37">
        <v>1774</v>
      </c>
      <c r="AF28" s="37">
        <v>21152607</v>
      </c>
      <c r="AG28" s="37">
        <v>0</v>
      </c>
      <c r="AH28" s="37">
        <v>0</v>
      </c>
      <c r="AI28" s="37">
        <v>0</v>
      </c>
      <c r="AJ28" s="37">
        <v>0</v>
      </c>
      <c r="AK28" s="44">
        <v>101785</v>
      </c>
      <c r="AL28" s="43">
        <v>2062151528</v>
      </c>
      <c r="AM28" s="40">
        <v>1533516281</v>
      </c>
      <c r="AN28" s="37">
        <v>461146826</v>
      </c>
      <c r="AO28" s="37">
        <v>67488421</v>
      </c>
      <c r="AP28" s="44">
        <v>5408</v>
      </c>
      <c r="AQ28" s="45">
        <v>191452316</v>
      </c>
    </row>
    <row r="29" spans="1:43" s="8" customFormat="1" ht="12.75" customHeight="1" x14ac:dyDescent="0.15">
      <c r="A29" s="35">
        <v>23</v>
      </c>
      <c r="B29" s="36" t="s">
        <v>78</v>
      </c>
      <c r="C29" s="37">
        <v>1109</v>
      </c>
      <c r="D29" s="37">
        <v>16686</v>
      </c>
      <c r="E29" s="37">
        <v>612832340</v>
      </c>
      <c r="F29" s="37">
        <v>40854</v>
      </c>
      <c r="G29" s="37">
        <v>62760</v>
      </c>
      <c r="H29" s="37">
        <v>611408210</v>
      </c>
      <c r="I29" s="37">
        <v>8995</v>
      </c>
      <c r="J29" s="37">
        <v>17446</v>
      </c>
      <c r="K29" s="37">
        <v>117321940</v>
      </c>
      <c r="L29" s="37">
        <v>50958</v>
      </c>
      <c r="M29" s="37">
        <v>96892</v>
      </c>
      <c r="N29" s="45">
        <v>1341562490</v>
      </c>
      <c r="O29" s="35">
        <v>23</v>
      </c>
      <c r="P29" s="36" t="s">
        <v>78</v>
      </c>
      <c r="Q29" s="37">
        <v>31983</v>
      </c>
      <c r="R29" s="37">
        <v>37698</v>
      </c>
      <c r="S29" s="39">
        <v>405073010</v>
      </c>
      <c r="T29" s="40">
        <v>1104</v>
      </c>
      <c r="U29" s="37">
        <v>43872</v>
      </c>
      <c r="V29" s="37">
        <v>29482082</v>
      </c>
      <c r="W29" s="37">
        <v>73</v>
      </c>
      <c r="X29" s="37">
        <v>600</v>
      </c>
      <c r="Y29" s="37">
        <v>6399260</v>
      </c>
      <c r="Z29" s="37">
        <v>83014</v>
      </c>
      <c r="AA29" s="41">
        <v>1782516842</v>
      </c>
      <c r="AB29" s="35">
        <v>23</v>
      </c>
      <c r="AC29" s="36" t="s">
        <v>79</v>
      </c>
      <c r="AD29" s="37">
        <v>0</v>
      </c>
      <c r="AE29" s="37">
        <v>994</v>
      </c>
      <c r="AF29" s="37">
        <v>12860601</v>
      </c>
      <c r="AG29" s="37">
        <v>0</v>
      </c>
      <c r="AH29" s="37">
        <v>0</v>
      </c>
      <c r="AI29" s="37">
        <v>0</v>
      </c>
      <c r="AJ29" s="37">
        <v>0</v>
      </c>
      <c r="AK29" s="44">
        <v>84008</v>
      </c>
      <c r="AL29" s="43">
        <v>1795377443</v>
      </c>
      <c r="AM29" s="40">
        <v>1340312309</v>
      </c>
      <c r="AN29" s="37">
        <v>398166314</v>
      </c>
      <c r="AO29" s="37">
        <v>56898820</v>
      </c>
      <c r="AP29" s="44">
        <v>4610</v>
      </c>
      <c r="AQ29" s="45">
        <v>169480936</v>
      </c>
    </row>
    <row r="30" spans="1:43" s="8" customFormat="1" ht="12.75" customHeight="1" x14ac:dyDescent="0.15">
      <c r="A30" s="35">
        <v>24</v>
      </c>
      <c r="B30" s="36" t="s">
        <v>80</v>
      </c>
      <c r="C30" s="37">
        <v>386</v>
      </c>
      <c r="D30" s="37">
        <v>4765</v>
      </c>
      <c r="E30" s="37">
        <v>229819690</v>
      </c>
      <c r="F30" s="37">
        <v>15422</v>
      </c>
      <c r="G30" s="37">
        <v>24122</v>
      </c>
      <c r="H30" s="37">
        <v>251093100</v>
      </c>
      <c r="I30" s="37">
        <v>3110</v>
      </c>
      <c r="J30" s="37">
        <v>6596</v>
      </c>
      <c r="K30" s="37">
        <v>42350190</v>
      </c>
      <c r="L30" s="37">
        <v>18918</v>
      </c>
      <c r="M30" s="37">
        <v>35483</v>
      </c>
      <c r="N30" s="45">
        <v>523262980</v>
      </c>
      <c r="O30" s="35">
        <v>24</v>
      </c>
      <c r="P30" s="36" t="s">
        <v>80</v>
      </c>
      <c r="Q30" s="37">
        <v>11126</v>
      </c>
      <c r="R30" s="37">
        <v>13447</v>
      </c>
      <c r="S30" s="39">
        <v>148070330</v>
      </c>
      <c r="T30" s="40">
        <v>370</v>
      </c>
      <c r="U30" s="37">
        <v>11305</v>
      </c>
      <c r="V30" s="37">
        <v>7722078</v>
      </c>
      <c r="W30" s="37">
        <v>20</v>
      </c>
      <c r="X30" s="37">
        <v>115</v>
      </c>
      <c r="Y30" s="37">
        <v>1300250</v>
      </c>
      <c r="Z30" s="37">
        <v>30064</v>
      </c>
      <c r="AA30" s="41">
        <v>680355638</v>
      </c>
      <c r="AB30" s="35">
        <v>24</v>
      </c>
      <c r="AC30" s="36" t="s">
        <v>81</v>
      </c>
      <c r="AD30" s="37">
        <v>1</v>
      </c>
      <c r="AE30" s="37">
        <v>468</v>
      </c>
      <c r="AF30" s="37">
        <v>5056239</v>
      </c>
      <c r="AG30" s="37">
        <v>0</v>
      </c>
      <c r="AH30" s="37">
        <v>0</v>
      </c>
      <c r="AI30" s="37">
        <v>0</v>
      </c>
      <c r="AJ30" s="37">
        <v>0</v>
      </c>
      <c r="AK30" s="44">
        <v>30533</v>
      </c>
      <c r="AL30" s="43">
        <v>685411877</v>
      </c>
      <c r="AM30" s="40">
        <v>511323334</v>
      </c>
      <c r="AN30" s="37">
        <v>157777815</v>
      </c>
      <c r="AO30" s="37">
        <v>16310728</v>
      </c>
      <c r="AP30" s="44">
        <v>1661</v>
      </c>
      <c r="AQ30" s="45">
        <v>67727768</v>
      </c>
    </row>
    <row r="31" spans="1:43" s="8" customFormat="1" ht="12.75" customHeight="1" x14ac:dyDescent="0.15">
      <c r="A31" s="35">
        <v>25</v>
      </c>
      <c r="B31" s="36" t="s">
        <v>82</v>
      </c>
      <c r="C31" s="37">
        <v>513</v>
      </c>
      <c r="D31" s="37">
        <v>6245</v>
      </c>
      <c r="E31" s="37">
        <v>289448580</v>
      </c>
      <c r="F31" s="37">
        <v>21442</v>
      </c>
      <c r="G31" s="37">
        <v>31710</v>
      </c>
      <c r="H31" s="37">
        <v>263248420</v>
      </c>
      <c r="I31" s="37">
        <v>3744</v>
      </c>
      <c r="J31" s="37">
        <v>8478</v>
      </c>
      <c r="K31" s="37">
        <v>60575700</v>
      </c>
      <c r="L31" s="37">
        <v>25699</v>
      </c>
      <c r="M31" s="37">
        <v>46433</v>
      </c>
      <c r="N31" s="45">
        <v>613272700</v>
      </c>
      <c r="O31" s="35">
        <v>25</v>
      </c>
      <c r="P31" s="36" t="s">
        <v>83</v>
      </c>
      <c r="Q31" s="37">
        <v>15672</v>
      </c>
      <c r="R31" s="37">
        <v>18692</v>
      </c>
      <c r="S31" s="39">
        <v>188115870</v>
      </c>
      <c r="T31" s="40">
        <v>498</v>
      </c>
      <c r="U31" s="37">
        <v>15198</v>
      </c>
      <c r="V31" s="37">
        <v>10409942</v>
      </c>
      <c r="W31" s="37">
        <v>51</v>
      </c>
      <c r="X31" s="37">
        <v>321</v>
      </c>
      <c r="Y31" s="37">
        <v>3155850</v>
      </c>
      <c r="Z31" s="37">
        <v>41422</v>
      </c>
      <c r="AA31" s="41">
        <v>814954362</v>
      </c>
      <c r="AB31" s="35">
        <v>25</v>
      </c>
      <c r="AC31" s="36" t="s">
        <v>84</v>
      </c>
      <c r="AD31" s="37">
        <v>0</v>
      </c>
      <c r="AE31" s="37">
        <v>900</v>
      </c>
      <c r="AF31" s="37">
        <v>10781858</v>
      </c>
      <c r="AG31" s="37">
        <v>0</v>
      </c>
      <c r="AH31" s="37">
        <v>0</v>
      </c>
      <c r="AI31" s="37">
        <v>0</v>
      </c>
      <c r="AJ31" s="37">
        <v>0</v>
      </c>
      <c r="AK31" s="44">
        <v>42322</v>
      </c>
      <c r="AL31" s="43">
        <v>825736220</v>
      </c>
      <c r="AM31" s="40">
        <v>617701254</v>
      </c>
      <c r="AN31" s="37">
        <v>183396785</v>
      </c>
      <c r="AO31" s="37">
        <v>24638181</v>
      </c>
      <c r="AP31" s="44">
        <v>3945</v>
      </c>
      <c r="AQ31" s="45">
        <v>73985089</v>
      </c>
    </row>
    <row r="32" spans="1:43" s="8" customFormat="1" ht="12.75" customHeight="1" x14ac:dyDescent="0.15">
      <c r="A32" s="35">
        <v>26</v>
      </c>
      <c r="B32" s="36" t="s">
        <v>85</v>
      </c>
      <c r="C32" s="37">
        <v>414</v>
      </c>
      <c r="D32" s="37">
        <v>6186</v>
      </c>
      <c r="E32" s="37">
        <v>235970880</v>
      </c>
      <c r="F32" s="37">
        <v>16211</v>
      </c>
      <c r="G32" s="37">
        <v>25543</v>
      </c>
      <c r="H32" s="37">
        <v>268340888</v>
      </c>
      <c r="I32" s="37">
        <v>3698</v>
      </c>
      <c r="J32" s="37">
        <v>7611</v>
      </c>
      <c r="K32" s="37">
        <v>51449730</v>
      </c>
      <c r="L32" s="37">
        <v>20323</v>
      </c>
      <c r="M32" s="37">
        <v>39340</v>
      </c>
      <c r="N32" s="45">
        <v>555761498</v>
      </c>
      <c r="O32" s="35">
        <v>26</v>
      </c>
      <c r="P32" s="36" t="s">
        <v>86</v>
      </c>
      <c r="Q32" s="37">
        <v>11695</v>
      </c>
      <c r="R32" s="37">
        <v>14381</v>
      </c>
      <c r="S32" s="39">
        <v>142966770</v>
      </c>
      <c r="T32" s="40">
        <v>391</v>
      </c>
      <c r="U32" s="37">
        <v>15999</v>
      </c>
      <c r="V32" s="37">
        <v>10584058</v>
      </c>
      <c r="W32" s="37">
        <v>25</v>
      </c>
      <c r="X32" s="37">
        <v>195</v>
      </c>
      <c r="Y32" s="37">
        <v>2021050</v>
      </c>
      <c r="Z32" s="37">
        <v>32043</v>
      </c>
      <c r="AA32" s="41">
        <v>711333376</v>
      </c>
      <c r="AB32" s="35">
        <v>26</v>
      </c>
      <c r="AC32" s="36" t="s">
        <v>87</v>
      </c>
      <c r="AD32" s="37">
        <v>0</v>
      </c>
      <c r="AE32" s="37">
        <v>681</v>
      </c>
      <c r="AF32" s="37">
        <v>8282008</v>
      </c>
      <c r="AG32" s="37">
        <v>0</v>
      </c>
      <c r="AH32" s="37">
        <v>0</v>
      </c>
      <c r="AI32" s="37">
        <v>0</v>
      </c>
      <c r="AJ32" s="37">
        <v>0</v>
      </c>
      <c r="AK32" s="44">
        <v>32724</v>
      </c>
      <c r="AL32" s="43">
        <v>719615384</v>
      </c>
      <c r="AM32" s="40">
        <v>543593351</v>
      </c>
      <c r="AN32" s="37">
        <v>157316358</v>
      </c>
      <c r="AO32" s="37">
        <v>18705675</v>
      </c>
      <c r="AP32" s="44">
        <v>2016</v>
      </c>
      <c r="AQ32" s="45">
        <v>69537006</v>
      </c>
    </row>
    <row r="33" spans="1:57" s="8" customFormat="1" ht="12.75" customHeight="1" x14ac:dyDescent="0.15">
      <c r="A33" s="35">
        <v>27</v>
      </c>
      <c r="B33" s="36" t="s">
        <v>88</v>
      </c>
      <c r="C33" s="37">
        <v>633</v>
      </c>
      <c r="D33" s="37">
        <v>11044</v>
      </c>
      <c r="E33" s="37">
        <v>346169910</v>
      </c>
      <c r="F33" s="37">
        <v>17544</v>
      </c>
      <c r="G33" s="37">
        <v>27907</v>
      </c>
      <c r="H33" s="37">
        <v>267113810</v>
      </c>
      <c r="I33" s="37">
        <v>3868</v>
      </c>
      <c r="J33" s="37">
        <v>7655</v>
      </c>
      <c r="K33" s="37">
        <v>49045340</v>
      </c>
      <c r="L33" s="37">
        <v>22045</v>
      </c>
      <c r="M33" s="37">
        <v>46606</v>
      </c>
      <c r="N33" s="45">
        <v>662329060</v>
      </c>
      <c r="O33" s="35">
        <v>27</v>
      </c>
      <c r="P33" s="36" t="s">
        <v>89</v>
      </c>
      <c r="Q33" s="37">
        <v>13589</v>
      </c>
      <c r="R33" s="37">
        <v>17182</v>
      </c>
      <c r="S33" s="39">
        <v>166142310</v>
      </c>
      <c r="T33" s="40">
        <v>604</v>
      </c>
      <c r="U33" s="37">
        <v>29792</v>
      </c>
      <c r="V33" s="37">
        <v>20125305</v>
      </c>
      <c r="W33" s="37">
        <v>19</v>
      </c>
      <c r="X33" s="37">
        <v>121</v>
      </c>
      <c r="Y33" s="37">
        <v>1349710</v>
      </c>
      <c r="Z33" s="37">
        <v>35653</v>
      </c>
      <c r="AA33" s="41">
        <v>849946385</v>
      </c>
      <c r="AB33" s="35">
        <v>27</v>
      </c>
      <c r="AC33" s="36" t="s">
        <v>90</v>
      </c>
      <c r="AD33" s="37">
        <v>1</v>
      </c>
      <c r="AE33" s="37">
        <v>559</v>
      </c>
      <c r="AF33" s="37">
        <v>7178020</v>
      </c>
      <c r="AG33" s="37">
        <v>0</v>
      </c>
      <c r="AH33" s="37">
        <v>0</v>
      </c>
      <c r="AI33" s="37">
        <v>0</v>
      </c>
      <c r="AJ33" s="37">
        <v>0</v>
      </c>
      <c r="AK33" s="44">
        <v>36213</v>
      </c>
      <c r="AL33" s="43">
        <v>857124405</v>
      </c>
      <c r="AM33" s="40">
        <v>638261285</v>
      </c>
      <c r="AN33" s="37">
        <v>196092893</v>
      </c>
      <c r="AO33" s="37">
        <v>22770227</v>
      </c>
      <c r="AP33" s="44">
        <v>1659</v>
      </c>
      <c r="AQ33" s="45">
        <v>91038229</v>
      </c>
    </row>
    <row r="34" spans="1:57" s="8" customFormat="1" ht="12.75" customHeight="1" x14ac:dyDescent="0.15">
      <c r="A34" s="35">
        <v>28</v>
      </c>
      <c r="B34" s="36" t="s">
        <v>91</v>
      </c>
      <c r="C34" s="37">
        <v>489</v>
      </c>
      <c r="D34" s="37">
        <v>7635</v>
      </c>
      <c r="E34" s="37">
        <v>287019230</v>
      </c>
      <c r="F34" s="37">
        <v>21299</v>
      </c>
      <c r="G34" s="37">
        <v>33120</v>
      </c>
      <c r="H34" s="37">
        <v>325092030</v>
      </c>
      <c r="I34" s="37">
        <v>4052</v>
      </c>
      <c r="J34" s="37">
        <v>8443</v>
      </c>
      <c r="K34" s="37">
        <v>59348570</v>
      </c>
      <c r="L34" s="37">
        <v>25840</v>
      </c>
      <c r="M34" s="37">
        <v>49198</v>
      </c>
      <c r="N34" s="45">
        <v>671459830</v>
      </c>
      <c r="O34" s="35">
        <v>28</v>
      </c>
      <c r="P34" s="36" t="s">
        <v>91</v>
      </c>
      <c r="Q34" s="37">
        <v>16174</v>
      </c>
      <c r="R34" s="37">
        <v>20754</v>
      </c>
      <c r="S34" s="39">
        <v>182529250</v>
      </c>
      <c r="T34" s="40">
        <v>478</v>
      </c>
      <c r="U34" s="37">
        <v>20018</v>
      </c>
      <c r="V34" s="37">
        <v>13592754</v>
      </c>
      <c r="W34" s="37">
        <v>27</v>
      </c>
      <c r="X34" s="37">
        <v>140</v>
      </c>
      <c r="Y34" s="37">
        <v>1463640</v>
      </c>
      <c r="Z34" s="37">
        <v>42041</v>
      </c>
      <c r="AA34" s="41">
        <v>869045474</v>
      </c>
      <c r="AB34" s="35">
        <v>28</v>
      </c>
      <c r="AC34" s="36" t="s">
        <v>92</v>
      </c>
      <c r="AD34" s="37">
        <v>0</v>
      </c>
      <c r="AE34" s="37">
        <v>646</v>
      </c>
      <c r="AF34" s="37">
        <v>7338773</v>
      </c>
      <c r="AG34" s="37">
        <v>0</v>
      </c>
      <c r="AH34" s="37">
        <v>0</v>
      </c>
      <c r="AI34" s="37">
        <v>0</v>
      </c>
      <c r="AJ34" s="37">
        <v>0</v>
      </c>
      <c r="AK34" s="44">
        <v>42687</v>
      </c>
      <c r="AL34" s="43">
        <v>876384247</v>
      </c>
      <c r="AM34" s="40">
        <v>654605314</v>
      </c>
      <c r="AN34" s="37">
        <v>196327202</v>
      </c>
      <c r="AO34" s="37">
        <v>25451731</v>
      </c>
      <c r="AP34" s="44">
        <v>1515</v>
      </c>
      <c r="AQ34" s="45">
        <v>79568539</v>
      </c>
    </row>
    <row r="35" spans="1:57" s="8" customFormat="1" ht="12.75" customHeight="1" x14ac:dyDescent="0.15">
      <c r="A35" s="35">
        <v>29</v>
      </c>
      <c r="B35" s="36" t="s">
        <v>93</v>
      </c>
      <c r="C35" s="37">
        <v>568</v>
      </c>
      <c r="D35" s="37">
        <v>8396</v>
      </c>
      <c r="E35" s="37">
        <v>311605360</v>
      </c>
      <c r="F35" s="37">
        <v>18140</v>
      </c>
      <c r="G35" s="37">
        <v>29414</v>
      </c>
      <c r="H35" s="37">
        <v>297806720</v>
      </c>
      <c r="I35" s="37">
        <v>3488</v>
      </c>
      <c r="J35" s="37">
        <v>6870</v>
      </c>
      <c r="K35" s="37">
        <v>48619860</v>
      </c>
      <c r="L35" s="37">
        <v>22196</v>
      </c>
      <c r="M35" s="37">
        <v>44680</v>
      </c>
      <c r="N35" s="45">
        <v>658031940</v>
      </c>
      <c r="O35" s="35">
        <v>29</v>
      </c>
      <c r="P35" s="36" t="s">
        <v>93</v>
      </c>
      <c r="Q35" s="37">
        <v>11663</v>
      </c>
      <c r="R35" s="37">
        <v>15598</v>
      </c>
      <c r="S35" s="39">
        <v>146563110</v>
      </c>
      <c r="T35" s="40">
        <v>553</v>
      </c>
      <c r="U35" s="37">
        <v>21959</v>
      </c>
      <c r="V35" s="37">
        <v>14811737</v>
      </c>
      <c r="W35" s="37">
        <v>17</v>
      </c>
      <c r="X35" s="37">
        <v>102</v>
      </c>
      <c r="Y35" s="37">
        <v>1189700</v>
      </c>
      <c r="Z35" s="37">
        <v>33876</v>
      </c>
      <c r="AA35" s="41">
        <v>820596487</v>
      </c>
      <c r="AB35" s="35">
        <v>29</v>
      </c>
      <c r="AC35" s="36" t="s">
        <v>93</v>
      </c>
      <c r="AD35" s="37">
        <v>4</v>
      </c>
      <c r="AE35" s="37">
        <v>475</v>
      </c>
      <c r="AF35" s="37">
        <v>3879811</v>
      </c>
      <c r="AG35" s="37">
        <v>0</v>
      </c>
      <c r="AH35" s="37">
        <v>0</v>
      </c>
      <c r="AI35" s="37">
        <v>0</v>
      </c>
      <c r="AJ35" s="37">
        <v>0</v>
      </c>
      <c r="AK35" s="44">
        <v>34355</v>
      </c>
      <c r="AL35" s="43">
        <v>824476298</v>
      </c>
      <c r="AM35" s="40">
        <v>612921036</v>
      </c>
      <c r="AN35" s="37">
        <v>188265426</v>
      </c>
      <c r="AO35" s="37">
        <v>23289836</v>
      </c>
      <c r="AP35" s="44">
        <v>1556</v>
      </c>
      <c r="AQ35" s="45">
        <v>83203937</v>
      </c>
    </row>
    <row r="36" spans="1:57" s="8" customFormat="1" ht="12.75" customHeight="1" x14ac:dyDescent="0.15">
      <c r="A36" s="35">
        <v>30</v>
      </c>
      <c r="B36" s="36" t="s">
        <v>94</v>
      </c>
      <c r="C36" s="37">
        <v>380</v>
      </c>
      <c r="D36" s="37">
        <v>5594</v>
      </c>
      <c r="E36" s="37">
        <v>219785210</v>
      </c>
      <c r="F36" s="37">
        <v>12575</v>
      </c>
      <c r="G36" s="37">
        <v>17686</v>
      </c>
      <c r="H36" s="37">
        <v>213741700</v>
      </c>
      <c r="I36" s="37">
        <v>2280</v>
      </c>
      <c r="J36" s="37">
        <v>4104</v>
      </c>
      <c r="K36" s="37">
        <v>30330680</v>
      </c>
      <c r="L36" s="37">
        <v>15235</v>
      </c>
      <c r="M36" s="37">
        <v>27384</v>
      </c>
      <c r="N36" s="45">
        <v>463857590</v>
      </c>
      <c r="O36" s="35">
        <v>30</v>
      </c>
      <c r="P36" s="36" t="s">
        <v>94</v>
      </c>
      <c r="Q36" s="37">
        <v>8133</v>
      </c>
      <c r="R36" s="37">
        <v>9244</v>
      </c>
      <c r="S36" s="39">
        <v>110827590</v>
      </c>
      <c r="T36" s="40">
        <v>363</v>
      </c>
      <c r="U36" s="37">
        <v>13854</v>
      </c>
      <c r="V36" s="37">
        <v>9645874</v>
      </c>
      <c r="W36" s="37">
        <v>25</v>
      </c>
      <c r="X36" s="37">
        <v>407</v>
      </c>
      <c r="Y36" s="37">
        <v>6615640</v>
      </c>
      <c r="Z36" s="37">
        <v>23393</v>
      </c>
      <c r="AA36" s="41">
        <v>590946694</v>
      </c>
      <c r="AB36" s="35">
        <v>30</v>
      </c>
      <c r="AC36" s="36" t="s">
        <v>95</v>
      </c>
      <c r="AD36" s="37">
        <v>0</v>
      </c>
      <c r="AE36" s="37">
        <v>355</v>
      </c>
      <c r="AF36" s="37">
        <v>3985309</v>
      </c>
      <c r="AG36" s="37">
        <v>0</v>
      </c>
      <c r="AH36" s="37">
        <v>0</v>
      </c>
      <c r="AI36" s="37">
        <v>0</v>
      </c>
      <c r="AJ36" s="37">
        <v>0</v>
      </c>
      <c r="AK36" s="44">
        <v>23748</v>
      </c>
      <c r="AL36" s="43">
        <v>594932003</v>
      </c>
      <c r="AM36" s="40">
        <v>443895797</v>
      </c>
      <c r="AN36" s="37">
        <v>136204166</v>
      </c>
      <c r="AO36" s="37">
        <v>14832040</v>
      </c>
      <c r="AP36" s="44">
        <v>1259</v>
      </c>
      <c r="AQ36" s="45">
        <v>65651862</v>
      </c>
    </row>
    <row r="37" spans="1:57" s="8" customFormat="1" ht="12.75" customHeight="1" x14ac:dyDescent="0.15">
      <c r="A37" s="35">
        <v>31</v>
      </c>
      <c r="B37" s="36" t="s">
        <v>97</v>
      </c>
      <c r="C37" s="37">
        <v>1218</v>
      </c>
      <c r="D37" s="37">
        <v>17928</v>
      </c>
      <c r="E37" s="37">
        <v>656568530</v>
      </c>
      <c r="F37" s="37">
        <v>41483</v>
      </c>
      <c r="G37" s="37">
        <v>59441</v>
      </c>
      <c r="H37" s="37">
        <v>641145760</v>
      </c>
      <c r="I37" s="37">
        <v>7798</v>
      </c>
      <c r="J37" s="37">
        <v>14689</v>
      </c>
      <c r="K37" s="37">
        <v>112098480</v>
      </c>
      <c r="L37" s="37">
        <v>50499</v>
      </c>
      <c r="M37" s="37">
        <v>92058</v>
      </c>
      <c r="N37" s="45">
        <v>1409812770</v>
      </c>
      <c r="O37" s="35">
        <v>31</v>
      </c>
      <c r="P37" s="36" t="s">
        <v>96</v>
      </c>
      <c r="Q37" s="37">
        <v>29213</v>
      </c>
      <c r="R37" s="37">
        <v>33156</v>
      </c>
      <c r="S37" s="39">
        <v>358922120</v>
      </c>
      <c r="T37" s="40">
        <v>1162</v>
      </c>
      <c r="U37" s="37">
        <v>44355</v>
      </c>
      <c r="V37" s="37">
        <v>30027985</v>
      </c>
      <c r="W37" s="37">
        <v>17</v>
      </c>
      <c r="X37" s="37">
        <v>86</v>
      </c>
      <c r="Y37" s="37">
        <v>994870</v>
      </c>
      <c r="Z37" s="37">
        <v>79729</v>
      </c>
      <c r="AA37" s="41">
        <v>1799757745</v>
      </c>
      <c r="AB37" s="35">
        <v>31</v>
      </c>
      <c r="AC37" s="36" t="s">
        <v>97</v>
      </c>
      <c r="AD37" s="37">
        <v>0</v>
      </c>
      <c r="AE37" s="37">
        <v>2369</v>
      </c>
      <c r="AF37" s="37">
        <v>25956841</v>
      </c>
      <c r="AG37" s="37">
        <v>0</v>
      </c>
      <c r="AH37" s="37">
        <v>0</v>
      </c>
      <c r="AI37" s="37">
        <v>1</v>
      </c>
      <c r="AJ37" s="37">
        <v>51440</v>
      </c>
      <c r="AK37" s="44">
        <v>82099</v>
      </c>
      <c r="AL37" s="43">
        <v>1825766026</v>
      </c>
      <c r="AM37" s="40">
        <v>1376431784</v>
      </c>
      <c r="AN37" s="37">
        <v>401038446</v>
      </c>
      <c r="AO37" s="37">
        <v>48295796</v>
      </c>
      <c r="AP37" s="44">
        <v>4244</v>
      </c>
      <c r="AQ37" s="45">
        <v>162789301</v>
      </c>
    </row>
    <row r="38" spans="1:57" s="8" customFormat="1" ht="12.75" customHeight="1" x14ac:dyDescent="0.15">
      <c r="A38" s="35">
        <v>32</v>
      </c>
      <c r="B38" s="36" t="s">
        <v>98</v>
      </c>
      <c r="C38" s="37">
        <v>1541</v>
      </c>
      <c r="D38" s="37">
        <v>22142</v>
      </c>
      <c r="E38" s="37">
        <v>935189538</v>
      </c>
      <c r="F38" s="37">
        <v>58942</v>
      </c>
      <c r="G38" s="37">
        <v>90181</v>
      </c>
      <c r="H38" s="37">
        <v>922525506</v>
      </c>
      <c r="I38" s="37">
        <v>9588</v>
      </c>
      <c r="J38" s="37">
        <v>19326</v>
      </c>
      <c r="K38" s="37">
        <v>130241020</v>
      </c>
      <c r="L38" s="37">
        <v>70071</v>
      </c>
      <c r="M38" s="37">
        <v>131649</v>
      </c>
      <c r="N38" s="45">
        <v>1987956064</v>
      </c>
      <c r="O38" s="35">
        <v>32</v>
      </c>
      <c r="P38" s="36" t="s">
        <v>99</v>
      </c>
      <c r="Q38" s="37">
        <v>43774</v>
      </c>
      <c r="R38" s="37">
        <v>52441</v>
      </c>
      <c r="S38" s="39">
        <v>539862015</v>
      </c>
      <c r="T38" s="40">
        <v>1481</v>
      </c>
      <c r="U38" s="37">
        <v>55498</v>
      </c>
      <c r="V38" s="37">
        <v>37008757</v>
      </c>
      <c r="W38" s="37">
        <v>107</v>
      </c>
      <c r="X38" s="37">
        <v>357</v>
      </c>
      <c r="Y38" s="37">
        <v>4046790</v>
      </c>
      <c r="Z38" s="37">
        <v>113952</v>
      </c>
      <c r="AA38" s="41">
        <v>2568873626</v>
      </c>
      <c r="AB38" s="35">
        <v>32</v>
      </c>
      <c r="AC38" s="36" t="s">
        <v>99</v>
      </c>
      <c r="AD38" s="37">
        <v>0</v>
      </c>
      <c r="AE38" s="37">
        <v>2362</v>
      </c>
      <c r="AF38" s="37">
        <v>30080462</v>
      </c>
      <c r="AG38" s="37">
        <v>1</v>
      </c>
      <c r="AH38" s="37">
        <v>349483</v>
      </c>
      <c r="AI38" s="37">
        <v>0</v>
      </c>
      <c r="AJ38" s="37">
        <v>0</v>
      </c>
      <c r="AK38" s="44">
        <v>116314</v>
      </c>
      <c r="AL38" s="43">
        <v>2598954088</v>
      </c>
      <c r="AM38" s="40">
        <v>1935350693</v>
      </c>
      <c r="AN38" s="37">
        <v>593808482</v>
      </c>
      <c r="AO38" s="37">
        <v>69794913</v>
      </c>
      <c r="AP38" s="44">
        <v>5626</v>
      </c>
      <c r="AQ38" s="45">
        <v>269880370</v>
      </c>
    </row>
    <row r="39" spans="1:57" s="8" customFormat="1" ht="12.75" customHeight="1" thickBot="1" x14ac:dyDescent="0.2">
      <c r="A39" s="35">
        <v>33</v>
      </c>
      <c r="B39" s="36" t="s">
        <v>100</v>
      </c>
      <c r="C39" s="37">
        <v>121</v>
      </c>
      <c r="D39" s="37">
        <v>1475</v>
      </c>
      <c r="E39" s="37">
        <v>73002090</v>
      </c>
      <c r="F39" s="37">
        <v>4699</v>
      </c>
      <c r="G39" s="37">
        <v>7672</v>
      </c>
      <c r="H39" s="37">
        <v>71770360</v>
      </c>
      <c r="I39" s="37">
        <v>1025</v>
      </c>
      <c r="J39" s="37">
        <v>2039</v>
      </c>
      <c r="K39" s="37">
        <v>13258520</v>
      </c>
      <c r="L39" s="37">
        <v>5845</v>
      </c>
      <c r="M39" s="37">
        <v>11186</v>
      </c>
      <c r="N39" s="45">
        <v>158030970</v>
      </c>
      <c r="O39" s="35">
        <v>33</v>
      </c>
      <c r="P39" s="36" t="s">
        <v>101</v>
      </c>
      <c r="Q39" s="37">
        <v>2312</v>
      </c>
      <c r="R39" s="37">
        <v>2683</v>
      </c>
      <c r="S39" s="39">
        <v>32446940</v>
      </c>
      <c r="T39" s="40">
        <v>117</v>
      </c>
      <c r="U39" s="37">
        <v>3730</v>
      </c>
      <c r="V39" s="37">
        <v>2490028</v>
      </c>
      <c r="W39" s="37">
        <v>2</v>
      </c>
      <c r="X39" s="37">
        <v>4</v>
      </c>
      <c r="Y39" s="37">
        <v>95760</v>
      </c>
      <c r="Z39" s="37">
        <v>8159</v>
      </c>
      <c r="AA39" s="41">
        <v>193063698</v>
      </c>
      <c r="AB39" s="35">
        <v>33</v>
      </c>
      <c r="AC39" s="36" t="s">
        <v>102</v>
      </c>
      <c r="AD39" s="37">
        <v>0</v>
      </c>
      <c r="AE39" s="37">
        <v>167</v>
      </c>
      <c r="AF39" s="37">
        <v>1444368</v>
      </c>
      <c r="AG39" s="37">
        <v>0</v>
      </c>
      <c r="AH39" s="37">
        <v>0</v>
      </c>
      <c r="AI39" s="37">
        <v>0</v>
      </c>
      <c r="AJ39" s="37">
        <v>0</v>
      </c>
      <c r="AK39" s="44">
        <v>8326</v>
      </c>
      <c r="AL39" s="43">
        <v>194508066</v>
      </c>
      <c r="AM39" s="40">
        <v>145543335</v>
      </c>
      <c r="AN39" s="37">
        <v>44273010</v>
      </c>
      <c r="AO39" s="37">
        <v>4691721</v>
      </c>
      <c r="AP39" s="44">
        <v>377</v>
      </c>
      <c r="AQ39" s="45">
        <v>16407467</v>
      </c>
    </row>
    <row r="40" spans="1:57" s="8" customFormat="1" ht="12.75" customHeight="1" thickTop="1" thickBot="1" x14ac:dyDescent="0.2">
      <c r="A40" s="102" t="s">
        <v>103</v>
      </c>
      <c r="B40" s="103"/>
      <c r="C40" s="56">
        <v>247188</v>
      </c>
      <c r="D40" s="56">
        <v>3321985</v>
      </c>
      <c r="E40" s="56">
        <v>147009265899</v>
      </c>
      <c r="F40" s="56">
        <v>10395257</v>
      </c>
      <c r="G40" s="56">
        <v>16817083</v>
      </c>
      <c r="H40" s="56">
        <v>154259894298</v>
      </c>
      <c r="I40" s="56">
        <v>2240208</v>
      </c>
      <c r="J40" s="56">
        <v>4276907</v>
      </c>
      <c r="K40" s="56">
        <v>29257537593</v>
      </c>
      <c r="L40" s="56">
        <v>12882653</v>
      </c>
      <c r="M40" s="56">
        <v>24415975</v>
      </c>
      <c r="N40" s="57">
        <v>330526697790</v>
      </c>
      <c r="O40" s="102" t="s">
        <v>103</v>
      </c>
      <c r="P40" s="103"/>
      <c r="Q40" s="58">
        <v>7521525</v>
      </c>
      <c r="R40" s="56">
        <v>9031016</v>
      </c>
      <c r="S40" s="59">
        <v>91418696147</v>
      </c>
      <c r="T40" s="60">
        <v>236095</v>
      </c>
      <c r="U40" s="56">
        <v>8110363</v>
      </c>
      <c r="V40" s="56">
        <v>5458504745</v>
      </c>
      <c r="W40" s="56">
        <v>19775</v>
      </c>
      <c r="X40" s="56">
        <v>134634</v>
      </c>
      <c r="Y40" s="56">
        <v>1449733000</v>
      </c>
      <c r="Z40" s="56">
        <v>20423953</v>
      </c>
      <c r="AA40" s="61">
        <v>428853631682</v>
      </c>
      <c r="AB40" s="102" t="s">
        <v>103</v>
      </c>
      <c r="AC40" s="103"/>
      <c r="AD40" s="56">
        <v>2869</v>
      </c>
      <c r="AE40" s="56">
        <v>485920</v>
      </c>
      <c r="AF40" s="56">
        <v>5425698715</v>
      </c>
      <c r="AG40" s="56">
        <v>394</v>
      </c>
      <c r="AH40" s="56">
        <v>23131923</v>
      </c>
      <c r="AI40" s="56">
        <v>21</v>
      </c>
      <c r="AJ40" s="56">
        <v>2983369</v>
      </c>
      <c r="AK40" s="56">
        <v>20912763</v>
      </c>
      <c r="AL40" s="62">
        <v>434282313766</v>
      </c>
      <c r="AM40" s="63">
        <v>324249265812</v>
      </c>
      <c r="AN40" s="64">
        <v>97170207036</v>
      </c>
      <c r="AO40" s="64">
        <v>12862840918</v>
      </c>
      <c r="AP40" s="64">
        <v>1006504</v>
      </c>
      <c r="AQ40" s="65">
        <v>41306454079</v>
      </c>
      <c r="AR40" s="66" t="s">
        <v>103</v>
      </c>
      <c r="AS40" s="67"/>
      <c r="AT40" s="58">
        <v>0</v>
      </c>
      <c r="AU40" s="56">
        <v>0</v>
      </c>
      <c r="AV40" s="56">
        <v>0</v>
      </c>
      <c r="AW40" s="56">
        <v>0</v>
      </c>
      <c r="AX40" s="56">
        <v>0</v>
      </c>
      <c r="AY40" s="62">
        <v>0</v>
      </c>
      <c r="AZ40" s="56">
        <v>0</v>
      </c>
      <c r="BA40" s="56">
        <v>0</v>
      </c>
      <c r="BE40" s="68" t="e">
        <v>#REF!</v>
      </c>
    </row>
    <row r="41" spans="1:57" s="8" customFormat="1" ht="12.75" customHeight="1" thickTop="1" x14ac:dyDescent="0.15">
      <c r="A41" s="35">
        <v>301</v>
      </c>
      <c r="B41" s="36" t="s">
        <v>104</v>
      </c>
      <c r="C41" s="37">
        <v>298</v>
      </c>
      <c r="D41" s="37">
        <v>2420</v>
      </c>
      <c r="E41" s="37">
        <v>177154000</v>
      </c>
      <c r="F41" s="37">
        <v>11241</v>
      </c>
      <c r="G41" s="37">
        <v>16368</v>
      </c>
      <c r="H41" s="37">
        <v>186275580</v>
      </c>
      <c r="I41" s="37">
        <v>4105</v>
      </c>
      <c r="J41" s="37">
        <v>7102</v>
      </c>
      <c r="K41" s="37">
        <v>45401360</v>
      </c>
      <c r="L41" s="37">
        <v>15644</v>
      </c>
      <c r="M41" s="37">
        <v>25890</v>
      </c>
      <c r="N41" s="45">
        <v>408830940</v>
      </c>
      <c r="O41" s="35">
        <v>301</v>
      </c>
      <c r="P41" s="36" t="s">
        <v>105</v>
      </c>
      <c r="Q41" s="37">
        <v>7072</v>
      </c>
      <c r="R41" s="37">
        <v>8403</v>
      </c>
      <c r="S41" s="39">
        <v>133245410</v>
      </c>
      <c r="T41" s="40">
        <v>270</v>
      </c>
      <c r="U41" s="37">
        <v>5157</v>
      </c>
      <c r="V41" s="37">
        <v>3519484</v>
      </c>
      <c r="W41" s="37">
        <v>3</v>
      </c>
      <c r="X41" s="37">
        <v>7</v>
      </c>
      <c r="Y41" s="37">
        <v>97270</v>
      </c>
      <c r="Z41" s="37">
        <v>22719</v>
      </c>
      <c r="AA41" s="41">
        <v>545693104</v>
      </c>
      <c r="AB41" s="35">
        <v>301</v>
      </c>
      <c r="AC41" s="36" t="s">
        <v>106</v>
      </c>
      <c r="AD41" s="37">
        <v>0</v>
      </c>
      <c r="AE41" s="37">
        <v>313</v>
      </c>
      <c r="AF41" s="37">
        <v>3179599</v>
      </c>
      <c r="AG41" s="37">
        <v>0</v>
      </c>
      <c r="AH41" s="37">
        <v>0</v>
      </c>
      <c r="AI41" s="37">
        <v>0</v>
      </c>
      <c r="AJ41" s="37">
        <v>0</v>
      </c>
      <c r="AK41" s="44">
        <v>23032</v>
      </c>
      <c r="AL41" s="43">
        <v>548872703</v>
      </c>
      <c r="AM41" s="69">
        <v>387164972</v>
      </c>
      <c r="AN41" s="70">
        <v>155568980</v>
      </c>
      <c r="AO41" s="70">
        <v>6138751</v>
      </c>
      <c r="AP41" s="71">
        <v>504</v>
      </c>
      <c r="AQ41" s="72">
        <v>40194602</v>
      </c>
      <c r="AR41" s="73">
        <v>301</v>
      </c>
      <c r="AS41" s="74" t="s">
        <v>107</v>
      </c>
      <c r="AT41" s="75"/>
      <c r="AU41" s="76"/>
      <c r="AV41" s="76"/>
      <c r="AW41" s="76"/>
      <c r="AX41" s="76"/>
      <c r="AY41" s="77"/>
      <c r="AZ41" s="76"/>
      <c r="BA41" s="76"/>
      <c r="BE41" s="68" t="e">
        <v>#REF!</v>
      </c>
    </row>
    <row r="42" spans="1:57" s="8" customFormat="1" ht="12.75" customHeight="1" x14ac:dyDescent="0.15">
      <c r="A42" s="35">
        <v>302</v>
      </c>
      <c r="B42" s="36" t="s">
        <v>108</v>
      </c>
      <c r="C42" s="37">
        <v>296</v>
      </c>
      <c r="D42" s="37">
        <v>3356</v>
      </c>
      <c r="E42" s="37">
        <v>174059100</v>
      </c>
      <c r="F42" s="37">
        <v>21122</v>
      </c>
      <c r="G42" s="37">
        <v>17786</v>
      </c>
      <c r="H42" s="37">
        <v>195920920</v>
      </c>
      <c r="I42" s="37">
        <v>878</v>
      </c>
      <c r="J42" s="37">
        <v>1464</v>
      </c>
      <c r="K42" s="37">
        <v>11919050</v>
      </c>
      <c r="L42" s="76">
        <v>22296</v>
      </c>
      <c r="M42" s="76">
        <v>22606</v>
      </c>
      <c r="N42" s="78">
        <v>381899070</v>
      </c>
      <c r="O42" s="35">
        <v>302</v>
      </c>
      <c r="P42" s="36" t="s">
        <v>109</v>
      </c>
      <c r="Q42" s="37">
        <v>8171</v>
      </c>
      <c r="R42" s="37">
        <v>9471</v>
      </c>
      <c r="S42" s="39">
        <v>118339050</v>
      </c>
      <c r="T42" s="40">
        <v>287</v>
      </c>
      <c r="U42" s="37">
        <v>8143</v>
      </c>
      <c r="V42" s="37">
        <v>5485276</v>
      </c>
      <c r="W42" s="37">
        <v>34</v>
      </c>
      <c r="X42" s="37">
        <v>257</v>
      </c>
      <c r="Y42" s="37">
        <v>2759840</v>
      </c>
      <c r="Z42" s="37">
        <v>30501</v>
      </c>
      <c r="AA42" s="41">
        <v>508483236</v>
      </c>
      <c r="AB42" s="35">
        <v>302</v>
      </c>
      <c r="AC42" s="36" t="s">
        <v>108</v>
      </c>
      <c r="AD42" s="37">
        <v>0</v>
      </c>
      <c r="AE42" s="37">
        <v>135</v>
      </c>
      <c r="AF42" s="37">
        <v>1060650</v>
      </c>
      <c r="AG42" s="37">
        <v>1</v>
      </c>
      <c r="AH42" s="37">
        <v>88647</v>
      </c>
      <c r="AI42" s="37">
        <v>0</v>
      </c>
      <c r="AJ42" s="37">
        <v>0</v>
      </c>
      <c r="AK42" s="44">
        <v>30636</v>
      </c>
      <c r="AL42" s="43">
        <v>509543886</v>
      </c>
      <c r="AM42" s="79">
        <v>365737476</v>
      </c>
      <c r="AN42" s="80">
        <v>135711830</v>
      </c>
      <c r="AO42" s="80">
        <v>8094580</v>
      </c>
      <c r="AP42" s="80">
        <v>583</v>
      </c>
      <c r="AQ42" s="81">
        <v>45620572</v>
      </c>
      <c r="AR42" s="73">
        <v>302</v>
      </c>
      <c r="AS42" s="74" t="s">
        <v>110</v>
      </c>
      <c r="AT42" s="75"/>
      <c r="AU42" s="76"/>
      <c r="AV42" s="76"/>
      <c r="AW42" s="76"/>
      <c r="AX42" s="76"/>
      <c r="AY42" s="77"/>
      <c r="AZ42" s="76"/>
      <c r="BA42" s="76"/>
      <c r="BE42" s="68" t="e">
        <v>#REF!</v>
      </c>
    </row>
    <row r="43" spans="1:57" s="8" customFormat="1" ht="12.75" customHeight="1" x14ac:dyDescent="0.15">
      <c r="A43" s="35">
        <v>303</v>
      </c>
      <c r="B43" s="36" t="s">
        <v>111</v>
      </c>
      <c r="C43" s="37">
        <v>1057</v>
      </c>
      <c r="D43" s="37">
        <v>11153</v>
      </c>
      <c r="E43" s="37">
        <v>673672599</v>
      </c>
      <c r="F43" s="37">
        <v>46898</v>
      </c>
      <c r="G43" s="37">
        <v>73645</v>
      </c>
      <c r="H43" s="37">
        <v>724320553</v>
      </c>
      <c r="I43" s="37">
        <v>10314</v>
      </c>
      <c r="J43" s="37">
        <v>20297</v>
      </c>
      <c r="K43" s="37">
        <v>141858850</v>
      </c>
      <c r="L43" s="76">
        <v>58269</v>
      </c>
      <c r="M43" s="76">
        <v>105095</v>
      </c>
      <c r="N43" s="78">
        <v>1539852002</v>
      </c>
      <c r="O43" s="35">
        <v>303</v>
      </c>
      <c r="P43" s="36" t="s">
        <v>111</v>
      </c>
      <c r="Q43" s="37">
        <v>34059</v>
      </c>
      <c r="R43" s="37">
        <v>40972</v>
      </c>
      <c r="S43" s="39">
        <v>435226250</v>
      </c>
      <c r="T43" s="40">
        <v>1016</v>
      </c>
      <c r="U43" s="37">
        <v>26821</v>
      </c>
      <c r="V43" s="37">
        <v>18418521</v>
      </c>
      <c r="W43" s="37">
        <v>67</v>
      </c>
      <c r="X43" s="37">
        <v>313</v>
      </c>
      <c r="Y43" s="37">
        <v>3501910</v>
      </c>
      <c r="Z43" s="37">
        <v>92395</v>
      </c>
      <c r="AA43" s="41">
        <v>1996998683</v>
      </c>
      <c r="AB43" s="35">
        <v>303</v>
      </c>
      <c r="AC43" s="36" t="s">
        <v>112</v>
      </c>
      <c r="AD43" s="37">
        <v>0</v>
      </c>
      <c r="AE43" s="37">
        <v>3879</v>
      </c>
      <c r="AF43" s="37">
        <v>38457641</v>
      </c>
      <c r="AG43" s="37">
        <v>0</v>
      </c>
      <c r="AH43" s="37">
        <v>0</v>
      </c>
      <c r="AI43" s="37">
        <v>0</v>
      </c>
      <c r="AJ43" s="37">
        <v>0</v>
      </c>
      <c r="AK43" s="44">
        <v>96274</v>
      </c>
      <c r="AL43" s="43">
        <v>2035456324</v>
      </c>
      <c r="AM43" s="82">
        <v>1492309695</v>
      </c>
      <c r="AN43" s="76">
        <v>498197645</v>
      </c>
      <c r="AO43" s="76">
        <v>44948984</v>
      </c>
      <c r="AP43" s="76">
        <v>2991</v>
      </c>
      <c r="AQ43" s="78">
        <v>174571307</v>
      </c>
      <c r="AR43" s="73">
        <v>303</v>
      </c>
      <c r="AS43" s="74" t="s">
        <v>113</v>
      </c>
      <c r="AT43" s="75"/>
      <c r="AU43" s="76"/>
      <c r="AV43" s="76"/>
      <c r="AW43" s="76"/>
      <c r="AX43" s="76"/>
      <c r="AY43" s="77"/>
      <c r="AZ43" s="76"/>
      <c r="BA43" s="76"/>
      <c r="BE43" s="68" t="e">
        <v>#REF!</v>
      </c>
    </row>
    <row r="44" spans="1:57" s="8" customFormat="1" ht="12.75" customHeight="1" x14ac:dyDescent="0.15">
      <c r="A44" s="35">
        <v>304</v>
      </c>
      <c r="B44" s="36" t="s">
        <v>114</v>
      </c>
      <c r="C44" s="37">
        <v>106</v>
      </c>
      <c r="D44" s="37">
        <v>1105</v>
      </c>
      <c r="E44" s="37">
        <v>66914310</v>
      </c>
      <c r="F44" s="37">
        <v>5009</v>
      </c>
      <c r="G44" s="37">
        <v>7535</v>
      </c>
      <c r="H44" s="37">
        <v>64988330</v>
      </c>
      <c r="I44" s="37">
        <v>1180</v>
      </c>
      <c r="J44" s="37">
        <v>2201</v>
      </c>
      <c r="K44" s="37">
        <v>14624330</v>
      </c>
      <c r="L44" s="76">
        <v>6295</v>
      </c>
      <c r="M44" s="76">
        <v>10841</v>
      </c>
      <c r="N44" s="78">
        <v>146526970</v>
      </c>
      <c r="O44" s="35">
        <v>304</v>
      </c>
      <c r="P44" s="36" t="s">
        <v>115</v>
      </c>
      <c r="Q44" s="37">
        <v>3970</v>
      </c>
      <c r="R44" s="37">
        <v>4935</v>
      </c>
      <c r="S44" s="39">
        <v>51801280</v>
      </c>
      <c r="T44" s="40">
        <v>99</v>
      </c>
      <c r="U44" s="37">
        <v>2539</v>
      </c>
      <c r="V44" s="37">
        <v>1701177</v>
      </c>
      <c r="W44" s="37">
        <v>3</v>
      </c>
      <c r="X44" s="37">
        <v>11</v>
      </c>
      <c r="Y44" s="37">
        <v>186740</v>
      </c>
      <c r="Z44" s="37">
        <v>10268</v>
      </c>
      <c r="AA44" s="41">
        <v>200216167</v>
      </c>
      <c r="AB44" s="35">
        <v>304</v>
      </c>
      <c r="AC44" s="36" t="s">
        <v>116</v>
      </c>
      <c r="AD44" s="37">
        <v>0</v>
      </c>
      <c r="AE44" s="37">
        <v>206</v>
      </c>
      <c r="AF44" s="37">
        <v>3254804</v>
      </c>
      <c r="AG44" s="37">
        <v>0</v>
      </c>
      <c r="AH44" s="37">
        <v>0</v>
      </c>
      <c r="AI44" s="37">
        <v>0</v>
      </c>
      <c r="AJ44" s="37">
        <v>0</v>
      </c>
      <c r="AK44" s="44">
        <v>10474</v>
      </c>
      <c r="AL44" s="43">
        <v>203470971</v>
      </c>
      <c r="AM44" s="82">
        <v>146128506</v>
      </c>
      <c r="AN44" s="76">
        <v>52831495</v>
      </c>
      <c r="AO44" s="76">
        <v>4510970</v>
      </c>
      <c r="AP44" s="76">
        <v>178</v>
      </c>
      <c r="AQ44" s="78">
        <v>13428638</v>
      </c>
      <c r="AR44" s="73">
        <v>304</v>
      </c>
      <c r="AS44" s="74" t="s">
        <v>117</v>
      </c>
      <c r="AT44" s="75"/>
      <c r="AU44" s="76"/>
      <c r="AV44" s="76"/>
      <c r="AW44" s="76"/>
      <c r="AX44" s="76"/>
      <c r="AY44" s="77"/>
      <c r="AZ44" s="76"/>
      <c r="BA44" s="76"/>
      <c r="BE44" s="68" t="e">
        <v>#REF!</v>
      </c>
    </row>
    <row r="45" spans="1:57" s="8" customFormat="1" ht="12.75" customHeight="1" x14ac:dyDescent="0.15">
      <c r="A45" s="35">
        <v>305</v>
      </c>
      <c r="B45" s="36" t="s">
        <v>118</v>
      </c>
      <c r="C45" s="37">
        <v>298</v>
      </c>
      <c r="D45" s="37">
        <v>2970</v>
      </c>
      <c r="E45" s="37">
        <v>164652520</v>
      </c>
      <c r="F45" s="37">
        <v>13927</v>
      </c>
      <c r="G45" s="37">
        <v>22015</v>
      </c>
      <c r="H45" s="37">
        <v>199198530</v>
      </c>
      <c r="I45" s="37">
        <v>2678</v>
      </c>
      <c r="J45" s="37">
        <v>5510</v>
      </c>
      <c r="K45" s="37">
        <v>36573360</v>
      </c>
      <c r="L45" s="76">
        <v>16903</v>
      </c>
      <c r="M45" s="76">
        <v>30495</v>
      </c>
      <c r="N45" s="78">
        <v>400424410</v>
      </c>
      <c r="O45" s="35">
        <v>305</v>
      </c>
      <c r="P45" s="36" t="s">
        <v>119</v>
      </c>
      <c r="Q45" s="37">
        <v>10078</v>
      </c>
      <c r="R45" s="37">
        <v>12042</v>
      </c>
      <c r="S45" s="39">
        <v>124391060</v>
      </c>
      <c r="T45" s="40">
        <v>279</v>
      </c>
      <c r="U45" s="37">
        <v>6807</v>
      </c>
      <c r="V45" s="37">
        <v>4587062</v>
      </c>
      <c r="W45" s="37">
        <v>15</v>
      </c>
      <c r="X45" s="37">
        <v>68</v>
      </c>
      <c r="Y45" s="37">
        <v>868940</v>
      </c>
      <c r="Z45" s="37">
        <v>26996</v>
      </c>
      <c r="AA45" s="41">
        <v>530271472</v>
      </c>
      <c r="AB45" s="35">
        <v>305</v>
      </c>
      <c r="AC45" s="36" t="s">
        <v>120</v>
      </c>
      <c r="AD45" s="37">
        <v>0</v>
      </c>
      <c r="AE45" s="37">
        <v>632</v>
      </c>
      <c r="AF45" s="37">
        <v>6066017</v>
      </c>
      <c r="AG45" s="37">
        <v>0</v>
      </c>
      <c r="AH45" s="37">
        <v>0</v>
      </c>
      <c r="AI45" s="37">
        <v>0</v>
      </c>
      <c r="AJ45" s="37">
        <v>0</v>
      </c>
      <c r="AK45" s="44">
        <v>27628</v>
      </c>
      <c r="AL45" s="43">
        <v>536337489</v>
      </c>
      <c r="AM45" s="82">
        <v>388172631</v>
      </c>
      <c r="AN45" s="76">
        <v>138562489</v>
      </c>
      <c r="AO45" s="76">
        <v>9602369</v>
      </c>
      <c r="AP45" s="76">
        <v>570</v>
      </c>
      <c r="AQ45" s="78">
        <v>40717845</v>
      </c>
      <c r="AR45" s="73">
        <v>305</v>
      </c>
      <c r="AS45" s="74" t="s">
        <v>121</v>
      </c>
      <c r="AT45" s="75"/>
      <c r="AU45" s="76"/>
      <c r="AV45" s="76"/>
      <c r="AW45" s="76"/>
      <c r="AX45" s="76"/>
      <c r="AY45" s="77"/>
      <c r="AZ45" s="76"/>
      <c r="BA45" s="76"/>
      <c r="BE45" s="68" t="e">
        <v>#REF!</v>
      </c>
    </row>
    <row r="46" spans="1:57" s="8" customFormat="1" ht="12.75" customHeight="1" thickBot="1" x14ac:dyDescent="0.2">
      <c r="A46" s="46">
        <v>306</v>
      </c>
      <c r="B46" s="47" t="s">
        <v>122</v>
      </c>
      <c r="C46" s="37">
        <v>3280</v>
      </c>
      <c r="D46" s="37">
        <v>37586</v>
      </c>
      <c r="E46" s="37">
        <v>2096083030</v>
      </c>
      <c r="F46" s="37">
        <v>115597</v>
      </c>
      <c r="G46" s="37">
        <v>187296</v>
      </c>
      <c r="H46" s="37">
        <v>1848502850</v>
      </c>
      <c r="I46" s="37">
        <v>21141</v>
      </c>
      <c r="J46" s="37">
        <v>42740</v>
      </c>
      <c r="K46" s="37">
        <v>304483580</v>
      </c>
      <c r="L46" s="76">
        <v>140018</v>
      </c>
      <c r="M46" s="76">
        <v>267622</v>
      </c>
      <c r="N46" s="78">
        <v>4249069460</v>
      </c>
      <c r="O46" s="46">
        <v>306</v>
      </c>
      <c r="P46" s="47" t="s">
        <v>123</v>
      </c>
      <c r="Q46" s="37">
        <v>82954</v>
      </c>
      <c r="R46" s="37">
        <v>99942</v>
      </c>
      <c r="S46" s="39">
        <v>1108927880</v>
      </c>
      <c r="T46" s="40">
        <v>3094</v>
      </c>
      <c r="U46" s="37">
        <v>88270</v>
      </c>
      <c r="V46" s="37">
        <v>59883678</v>
      </c>
      <c r="W46" s="37">
        <v>123</v>
      </c>
      <c r="X46" s="37">
        <v>781</v>
      </c>
      <c r="Y46" s="37">
        <v>9278070</v>
      </c>
      <c r="Z46" s="37">
        <v>223095</v>
      </c>
      <c r="AA46" s="41">
        <v>5427159088</v>
      </c>
      <c r="AB46" s="46">
        <v>306</v>
      </c>
      <c r="AC46" s="47" t="s">
        <v>123</v>
      </c>
      <c r="AD46" s="37">
        <v>86</v>
      </c>
      <c r="AE46" s="37">
        <v>6679</v>
      </c>
      <c r="AF46" s="37">
        <v>69684562</v>
      </c>
      <c r="AG46" s="37">
        <v>1</v>
      </c>
      <c r="AH46" s="37">
        <v>54758</v>
      </c>
      <c r="AI46" s="37">
        <v>0</v>
      </c>
      <c r="AJ46" s="37">
        <v>0</v>
      </c>
      <c r="AK46" s="44">
        <v>229860</v>
      </c>
      <c r="AL46" s="43">
        <v>5496843650</v>
      </c>
      <c r="AM46" s="82">
        <v>4044586228</v>
      </c>
      <c r="AN46" s="76">
        <v>1334855538</v>
      </c>
      <c r="AO46" s="76">
        <v>117401884</v>
      </c>
      <c r="AP46" s="76">
        <v>10128</v>
      </c>
      <c r="AQ46" s="78">
        <v>579452799</v>
      </c>
      <c r="AR46" s="83">
        <v>306</v>
      </c>
      <c r="AS46" s="84" t="s">
        <v>124</v>
      </c>
      <c r="AT46" s="75"/>
      <c r="AU46" s="76"/>
      <c r="AV46" s="76"/>
      <c r="AW46" s="76"/>
      <c r="AX46" s="76"/>
      <c r="AY46" s="77"/>
      <c r="AZ46" s="76"/>
      <c r="BA46" s="76"/>
      <c r="BE46" s="68" t="e">
        <v>#REF!</v>
      </c>
    </row>
    <row r="47" spans="1:57" s="8" customFormat="1" ht="12.75" customHeight="1" thickTop="1" thickBot="1" x14ac:dyDescent="0.2">
      <c r="A47" s="102" t="s">
        <v>125</v>
      </c>
      <c r="B47" s="103"/>
      <c r="C47" s="56">
        <v>5335</v>
      </c>
      <c r="D47" s="56">
        <v>58590</v>
      </c>
      <c r="E47" s="56">
        <v>3352535559</v>
      </c>
      <c r="F47" s="56">
        <v>213794</v>
      </c>
      <c r="G47" s="56">
        <v>324645</v>
      </c>
      <c r="H47" s="56">
        <v>3219206763</v>
      </c>
      <c r="I47" s="56">
        <v>40296</v>
      </c>
      <c r="J47" s="56">
        <v>79314</v>
      </c>
      <c r="K47" s="56">
        <v>554860530</v>
      </c>
      <c r="L47" s="56">
        <v>259425</v>
      </c>
      <c r="M47" s="56">
        <v>462549</v>
      </c>
      <c r="N47" s="57">
        <v>7126602852</v>
      </c>
      <c r="O47" s="102" t="s">
        <v>126</v>
      </c>
      <c r="P47" s="103"/>
      <c r="Q47" s="58">
        <v>146304</v>
      </c>
      <c r="R47" s="56">
        <v>175765</v>
      </c>
      <c r="S47" s="59">
        <v>1971930930</v>
      </c>
      <c r="T47" s="60">
        <v>5045</v>
      </c>
      <c r="U47" s="56">
        <v>137737</v>
      </c>
      <c r="V47" s="56">
        <v>93595198</v>
      </c>
      <c r="W47" s="56">
        <v>245</v>
      </c>
      <c r="X47" s="56">
        <v>1437</v>
      </c>
      <c r="Y47" s="56">
        <v>16692770</v>
      </c>
      <c r="Z47" s="56">
        <v>405974</v>
      </c>
      <c r="AA47" s="61">
        <v>9208821750</v>
      </c>
      <c r="AB47" s="102" t="s">
        <v>127</v>
      </c>
      <c r="AC47" s="103"/>
      <c r="AD47" s="56">
        <v>86</v>
      </c>
      <c r="AE47" s="56">
        <v>11844</v>
      </c>
      <c r="AF47" s="56">
        <v>121703273</v>
      </c>
      <c r="AG47" s="56">
        <v>2</v>
      </c>
      <c r="AH47" s="56">
        <v>143405</v>
      </c>
      <c r="AI47" s="56">
        <v>0</v>
      </c>
      <c r="AJ47" s="56">
        <v>0</v>
      </c>
      <c r="AK47" s="56">
        <v>417904</v>
      </c>
      <c r="AL47" s="62">
        <v>9330525023</v>
      </c>
      <c r="AM47" s="60">
        <v>6824099508</v>
      </c>
      <c r="AN47" s="56">
        <v>2315727977</v>
      </c>
      <c r="AO47" s="56">
        <v>190697538</v>
      </c>
      <c r="AP47" s="56">
        <v>14954</v>
      </c>
      <c r="AQ47" s="57">
        <v>893985763</v>
      </c>
      <c r="AR47" s="66" t="s">
        <v>128</v>
      </c>
      <c r="AS47" s="67"/>
      <c r="AT47" s="58">
        <v>0</v>
      </c>
      <c r="AU47" s="56">
        <v>0</v>
      </c>
      <c r="AV47" s="56">
        <v>0</v>
      </c>
      <c r="AW47" s="56">
        <v>0</v>
      </c>
      <c r="AX47" s="56">
        <v>0</v>
      </c>
      <c r="AY47" s="62">
        <v>0</v>
      </c>
      <c r="AZ47" s="56">
        <v>0</v>
      </c>
      <c r="BA47" s="56">
        <v>0</v>
      </c>
      <c r="BE47" s="68" t="e">
        <v>#REF!</v>
      </c>
    </row>
    <row r="48" spans="1:57" s="8" customFormat="1" ht="12.75" customHeight="1" thickTop="1" thickBot="1" x14ac:dyDescent="0.2">
      <c r="A48" s="100" t="s">
        <v>130</v>
      </c>
      <c r="B48" s="101"/>
      <c r="C48" s="85">
        <v>252523</v>
      </c>
      <c r="D48" s="85">
        <v>3380575</v>
      </c>
      <c r="E48" s="85">
        <v>150361801458</v>
      </c>
      <c r="F48" s="85">
        <v>10609051</v>
      </c>
      <c r="G48" s="85">
        <v>17141728</v>
      </c>
      <c r="H48" s="85">
        <v>157479101061</v>
      </c>
      <c r="I48" s="85">
        <v>2280504</v>
      </c>
      <c r="J48" s="85">
        <v>4356221</v>
      </c>
      <c r="K48" s="85">
        <v>29812398123</v>
      </c>
      <c r="L48" s="85">
        <v>13142078</v>
      </c>
      <c r="M48" s="85">
        <v>24878524</v>
      </c>
      <c r="N48" s="86">
        <v>337653300642</v>
      </c>
      <c r="O48" s="100" t="s">
        <v>129</v>
      </c>
      <c r="P48" s="101"/>
      <c r="Q48" s="87">
        <v>7667829</v>
      </c>
      <c r="R48" s="85">
        <v>9206781</v>
      </c>
      <c r="S48" s="88">
        <v>93390627077</v>
      </c>
      <c r="T48" s="89">
        <v>241140</v>
      </c>
      <c r="U48" s="85">
        <v>8248100</v>
      </c>
      <c r="V48" s="85">
        <v>5552099943</v>
      </c>
      <c r="W48" s="85">
        <v>20020</v>
      </c>
      <c r="X48" s="85">
        <v>136071</v>
      </c>
      <c r="Y48" s="85">
        <v>1466425770</v>
      </c>
      <c r="Z48" s="85">
        <v>20829927</v>
      </c>
      <c r="AA48" s="90">
        <v>438062453432</v>
      </c>
      <c r="AB48" s="100" t="s">
        <v>130</v>
      </c>
      <c r="AC48" s="101"/>
      <c r="AD48" s="85">
        <v>2955</v>
      </c>
      <c r="AE48" s="85">
        <v>497764</v>
      </c>
      <c r="AF48" s="85">
        <v>5547401988</v>
      </c>
      <c r="AG48" s="85">
        <v>396</v>
      </c>
      <c r="AH48" s="85">
        <v>23275328</v>
      </c>
      <c r="AI48" s="85">
        <v>21</v>
      </c>
      <c r="AJ48" s="85">
        <v>2983369</v>
      </c>
      <c r="AK48" s="85">
        <v>21330667</v>
      </c>
      <c r="AL48" s="91">
        <v>443612838789</v>
      </c>
      <c r="AM48" s="92">
        <v>331073365320</v>
      </c>
      <c r="AN48" s="93">
        <v>99485935013</v>
      </c>
      <c r="AO48" s="93">
        <v>13053538456</v>
      </c>
      <c r="AP48" s="93">
        <v>1021458</v>
      </c>
      <c r="AQ48" s="94">
        <v>42200439842</v>
      </c>
      <c r="AR48" s="95" t="s">
        <v>131</v>
      </c>
      <c r="AS48" s="96"/>
      <c r="AT48" s="97">
        <v>0</v>
      </c>
      <c r="AU48" s="98">
        <v>0</v>
      </c>
      <c r="AV48" s="98">
        <v>0</v>
      </c>
      <c r="AW48" s="98">
        <v>0</v>
      </c>
      <c r="AX48" s="98">
        <v>0</v>
      </c>
      <c r="AY48" s="99">
        <v>0</v>
      </c>
      <c r="AZ48" s="98">
        <v>0</v>
      </c>
      <c r="BA48" s="98">
        <v>0</v>
      </c>
      <c r="BE48" s="68" t="e">
        <v>#REF!</v>
      </c>
    </row>
    <row r="49" spans="15:66" s="23" customFormat="1" ht="10.5" customHeight="1" x14ac:dyDescent="0.15">
      <c r="O49" s="23" t="s">
        <v>132</v>
      </c>
      <c r="Q49" s="3"/>
      <c r="AD49" s="8"/>
      <c r="AE49" s="8"/>
      <c r="AF49" s="8"/>
      <c r="AG49" s="8"/>
      <c r="AH49" s="8"/>
      <c r="AI49" s="8"/>
      <c r="AJ49" s="8"/>
      <c r="AK49" s="8"/>
      <c r="AL49" s="8"/>
      <c r="AM49" s="8"/>
      <c r="AN49" s="8"/>
      <c r="AO49" s="8"/>
      <c r="AP49" s="8"/>
      <c r="AQ49" s="8"/>
      <c r="AR49" s="8"/>
      <c r="AS49" s="8"/>
      <c r="AT49" s="8"/>
      <c r="AU49" s="8"/>
      <c r="AV49" s="8"/>
      <c r="AW49" s="8"/>
      <c r="AX49" s="8"/>
      <c r="AY49" s="8"/>
      <c r="AZ49" s="8"/>
      <c r="BA49" s="8"/>
      <c r="BB49" s="8"/>
      <c r="BC49" s="8"/>
      <c r="BD49" s="8"/>
      <c r="BE49" s="8"/>
      <c r="BF49" s="8"/>
      <c r="BG49" s="8"/>
      <c r="BH49" s="8"/>
      <c r="BI49" s="8"/>
      <c r="BJ49" s="8"/>
      <c r="BK49" s="8"/>
      <c r="BL49" s="8"/>
      <c r="BM49" s="8"/>
      <c r="BN49" s="8"/>
    </row>
    <row r="50" spans="15:66" ht="10.5" customHeight="1" x14ac:dyDescent="0.15">
      <c r="AD50" s="8"/>
      <c r="AE50" s="8"/>
      <c r="AF50" s="8"/>
      <c r="AG50" s="8"/>
      <c r="AH50" s="8"/>
      <c r="AI50" s="8"/>
      <c r="AJ50" s="8"/>
      <c r="AK50" s="8"/>
      <c r="AL50" s="8"/>
      <c r="AM50" s="8"/>
      <c r="AN50" s="8"/>
      <c r="AO50" s="8"/>
      <c r="AP50" s="8"/>
      <c r="AQ50" s="8"/>
      <c r="AR50" s="8"/>
      <c r="AS50" s="8"/>
      <c r="AT50" s="8"/>
      <c r="AU50" s="8"/>
      <c r="AV50" s="8"/>
      <c r="AW50" s="8"/>
      <c r="AX50" s="8"/>
      <c r="AY50" s="8"/>
      <c r="AZ50" s="8"/>
      <c r="BA50" s="8"/>
      <c r="BB50" s="8"/>
      <c r="BC50" s="8"/>
      <c r="BD50" s="8"/>
      <c r="BE50" s="8"/>
      <c r="BF50" s="8"/>
      <c r="BG50" s="8"/>
      <c r="BH50" s="8"/>
      <c r="BI50" s="8"/>
      <c r="BJ50" s="8"/>
      <c r="BK50" s="8"/>
      <c r="BL50" s="8"/>
      <c r="BM50" s="8"/>
      <c r="BN50" s="8"/>
    </row>
    <row r="51" spans="15:66" ht="10.5" customHeight="1" x14ac:dyDescent="0.15">
      <c r="AD51" s="8"/>
      <c r="AE51" s="8"/>
      <c r="AF51" s="8"/>
      <c r="AG51" s="8"/>
      <c r="AH51" s="8"/>
      <c r="AI51" s="8"/>
      <c r="AJ51" s="8"/>
      <c r="AK51" s="8"/>
      <c r="AL51" s="8"/>
      <c r="AM51" s="8"/>
      <c r="AN51" s="8"/>
      <c r="AO51" s="8"/>
      <c r="AP51" s="8"/>
      <c r="AQ51" s="8"/>
      <c r="AR51" s="8"/>
      <c r="AS51" s="8"/>
      <c r="AT51" s="8"/>
      <c r="AU51" s="8"/>
      <c r="AV51" s="8"/>
      <c r="AW51" s="8"/>
      <c r="AX51" s="8"/>
      <c r="AY51" s="8"/>
      <c r="AZ51" s="8"/>
      <c r="BA51" s="8"/>
      <c r="BB51" s="8"/>
      <c r="BC51" s="8"/>
      <c r="BD51" s="8"/>
      <c r="BE51" s="8"/>
      <c r="BF51" s="8"/>
      <c r="BG51" s="8"/>
      <c r="BH51" s="8"/>
      <c r="BI51" s="8"/>
      <c r="BJ51" s="8"/>
      <c r="BK51" s="8"/>
      <c r="BL51" s="8"/>
      <c r="BM51" s="8"/>
      <c r="BN51" s="8"/>
    </row>
    <row r="52" spans="15:66" ht="10.5" customHeight="1" x14ac:dyDescent="0.15">
      <c r="AD52" s="8"/>
      <c r="AE52" s="8"/>
      <c r="AF52" s="8"/>
      <c r="AG52" s="8"/>
      <c r="AH52" s="8"/>
      <c r="AI52" s="8"/>
      <c r="AJ52" s="8"/>
      <c r="AK52" s="8"/>
      <c r="AL52" s="8"/>
      <c r="AM52" s="8"/>
      <c r="AN52" s="8"/>
      <c r="AO52" s="8"/>
      <c r="AP52" s="8"/>
      <c r="AQ52" s="8"/>
      <c r="AR52" s="8"/>
      <c r="AS52" s="8"/>
      <c r="AT52" s="8"/>
      <c r="AU52" s="8"/>
      <c r="AV52" s="8"/>
      <c r="AW52" s="8"/>
      <c r="AX52" s="8"/>
      <c r="AY52" s="8"/>
      <c r="AZ52" s="8"/>
      <c r="BA52" s="8"/>
      <c r="BB52" s="8"/>
      <c r="BC52" s="8"/>
      <c r="BD52" s="8"/>
      <c r="BE52" s="8"/>
      <c r="BF52" s="8"/>
      <c r="BG52" s="8"/>
      <c r="BH52" s="8"/>
      <c r="BI52" s="8"/>
      <c r="BJ52" s="8"/>
      <c r="BK52" s="8"/>
      <c r="BL52" s="8"/>
      <c r="BM52" s="8"/>
      <c r="BN52" s="8"/>
    </row>
    <row r="53" spans="15:66" ht="10.5" customHeight="1" x14ac:dyDescent="0.15">
      <c r="AD53" s="8"/>
      <c r="AE53" s="8"/>
      <c r="AF53" s="8"/>
      <c r="AG53" s="8"/>
      <c r="AH53" s="8"/>
      <c r="AI53" s="8"/>
      <c r="AJ53" s="8"/>
      <c r="AK53" s="8"/>
      <c r="AL53" s="8"/>
      <c r="AM53" s="8"/>
      <c r="AN53" s="8"/>
      <c r="AO53" s="8"/>
      <c r="AP53" s="8"/>
      <c r="AQ53" s="8"/>
      <c r="AR53" s="8"/>
      <c r="AS53" s="8"/>
      <c r="AT53" s="8"/>
      <c r="AU53" s="8"/>
      <c r="AV53" s="8"/>
      <c r="AW53" s="8"/>
      <c r="AX53" s="8"/>
      <c r="AY53" s="8"/>
      <c r="AZ53" s="8"/>
      <c r="BA53" s="8"/>
      <c r="BB53" s="8"/>
      <c r="BC53" s="8"/>
      <c r="BD53" s="8"/>
      <c r="BE53" s="8"/>
      <c r="BF53" s="8"/>
      <c r="BG53" s="8"/>
      <c r="BH53" s="8"/>
      <c r="BI53" s="8"/>
      <c r="BJ53" s="8"/>
      <c r="BK53" s="8"/>
      <c r="BL53" s="8"/>
      <c r="BM53" s="8"/>
      <c r="BN53" s="8"/>
    </row>
    <row r="54" spans="15:66" ht="10.5" customHeight="1" x14ac:dyDescent="0.15">
      <c r="AD54" s="8"/>
      <c r="AE54" s="8"/>
      <c r="AF54" s="8"/>
      <c r="AG54" s="8"/>
      <c r="AH54" s="8"/>
      <c r="AI54" s="8"/>
      <c r="AJ54" s="8"/>
      <c r="AK54" s="8"/>
      <c r="AL54" s="8"/>
      <c r="AM54" s="8"/>
      <c r="AN54" s="8"/>
      <c r="AO54" s="8"/>
      <c r="AP54" s="8"/>
      <c r="AQ54" s="8"/>
      <c r="AR54" s="8"/>
      <c r="AS54" s="8"/>
      <c r="AT54" s="8"/>
      <c r="AU54" s="8"/>
      <c r="AV54" s="8"/>
      <c r="AW54" s="8"/>
      <c r="AX54" s="8"/>
      <c r="AY54" s="8"/>
      <c r="AZ54" s="8"/>
      <c r="BA54" s="8"/>
      <c r="BB54" s="8"/>
      <c r="BC54" s="8"/>
      <c r="BD54" s="8"/>
      <c r="BE54" s="8"/>
      <c r="BF54" s="8"/>
      <c r="BG54" s="8"/>
      <c r="BH54" s="8"/>
      <c r="BI54" s="8"/>
      <c r="BJ54" s="8"/>
      <c r="BK54" s="8"/>
      <c r="BL54" s="8"/>
      <c r="BM54" s="8"/>
      <c r="BN54" s="8"/>
    </row>
    <row r="55" spans="15:66" ht="10.5" customHeight="1" x14ac:dyDescent="0.15">
      <c r="AD55" s="8"/>
      <c r="AE55" s="8"/>
      <c r="AF55" s="8"/>
      <c r="AG55" s="8"/>
      <c r="AH55" s="8"/>
      <c r="AI55" s="8"/>
      <c r="AJ55" s="8"/>
      <c r="AK55" s="8"/>
      <c r="AL55" s="8"/>
      <c r="AM55" s="8"/>
      <c r="AN55" s="8"/>
      <c r="AO55" s="8"/>
      <c r="AP55" s="8"/>
      <c r="AQ55" s="8"/>
      <c r="AR55" s="8"/>
      <c r="AS55" s="8"/>
      <c r="AT55" s="8"/>
      <c r="AU55" s="8"/>
      <c r="AV55" s="8"/>
      <c r="AW55" s="8"/>
      <c r="AX55" s="8"/>
      <c r="AY55" s="8"/>
      <c r="AZ55" s="8"/>
      <c r="BA55" s="8"/>
      <c r="BB55" s="8"/>
      <c r="BC55" s="8"/>
      <c r="BD55" s="8"/>
      <c r="BE55" s="8"/>
      <c r="BF55" s="8"/>
      <c r="BG55" s="8"/>
      <c r="BH55" s="8"/>
      <c r="BI55" s="8"/>
      <c r="BJ55" s="8"/>
      <c r="BK55" s="8"/>
      <c r="BL55" s="8"/>
      <c r="BM55" s="8"/>
      <c r="BN55" s="8"/>
    </row>
    <row r="56" spans="15:66" ht="10.5" customHeight="1" x14ac:dyDescent="0.15">
      <c r="AD56" s="8"/>
      <c r="AE56" s="8"/>
      <c r="AF56" s="8"/>
      <c r="AG56" s="8"/>
      <c r="AH56" s="8"/>
      <c r="AI56" s="8"/>
      <c r="AJ56" s="8"/>
      <c r="AK56" s="8"/>
      <c r="AL56" s="8"/>
      <c r="AM56" s="8"/>
      <c r="AN56" s="8"/>
      <c r="AO56" s="8"/>
      <c r="AP56" s="8"/>
      <c r="AQ56" s="8"/>
      <c r="AR56" s="8"/>
      <c r="AS56" s="8"/>
      <c r="AT56" s="8"/>
      <c r="AU56" s="8"/>
      <c r="AV56" s="8"/>
      <c r="AW56" s="8"/>
      <c r="AX56" s="8"/>
      <c r="AY56" s="8"/>
      <c r="AZ56" s="8"/>
      <c r="BA56" s="8"/>
      <c r="BB56" s="8"/>
      <c r="BC56" s="8"/>
      <c r="BD56" s="8"/>
      <c r="BE56" s="8"/>
      <c r="BF56" s="8"/>
      <c r="BG56" s="8"/>
      <c r="BH56" s="8"/>
      <c r="BI56" s="8"/>
      <c r="BJ56" s="8"/>
      <c r="BK56" s="8"/>
      <c r="BL56" s="8"/>
      <c r="BM56" s="8"/>
      <c r="BN56" s="8"/>
    </row>
    <row r="57" spans="15:66" ht="10.5" customHeight="1" x14ac:dyDescent="0.15">
      <c r="AD57" s="8"/>
      <c r="AE57" s="8"/>
      <c r="AF57" s="8"/>
      <c r="AG57" s="8"/>
      <c r="AH57" s="8"/>
      <c r="AI57" s="8"/>
      <c r="AJ57" s="8"/>
      <c r="AK57" s="8"/>
      <c r="AL57" s="8"/>
      <c r="AM57" s="8"/>
      <c r="AN57" s="8"/>
      <c r="AO57" s="8"/>
      <c r="AP57" s="8"/>
      <c r="AQ57" s="8"/>
      <c r="AR57" s="8"/>
      <c r="AS57" s="8"/>
      <c r="AT57" s="8"/>
      <c r="AU57" s="8"/>
      <c r="AV57" s="8"/>
      <c r="AW57" s="8"/>
      <c r="AX57" s="8"/>
      <c r="AY57" s="8"/>
      <c r="AZ57" s="8"/>
      <c r="BA57" s="8"/>
      <c r="BB57" s="8"/>
      <c r="BC57" s="8"/>
      <c r="BD57" s="8"/>
      <c r="BE57" s="8"/>
      <c r="BF57" s="8"/>
      <c r="BG57" s="8"/>
      <c r="BH57" s="8"/>
      <c r="BI57" s="8"/>
      <c r="BJ57" s="8"/>
      <c r="BK57" s="8"/>
      <c r="BL57" s="8"/>
      <c r="BM57" s="8"/>
      <c r="BN57" s="8"/>
    </row>
    <row r="58" spans="15:66" ht="10.5" customHeight="1" x14ac:dyDescent="0.15">
      <c r="AD58" s="8"/>
      <c r="AE58" s="8"/>
      <c r="AF58" s="8"/>
      <c r="AG58" s="8"/>
      <c r="AH58" s="8"/>
      <c r="AI58" s="8"/>
      <c r="AJ58" s="8"/>
      <c r="AK58" s="8"/>
      <c r="AL58" s="8"/>
      <c r="AM58" s="8"/>
      <c r="AN58" s="8"/>
      <c r="AO58" s="8"/>
      <c r="AP58" s="8"/>
      <c r="AQ58" s="8"/>
      <c r="AR58" s="8"/>
      <c r="AS58" s="8"/>
      <c r="AT58" s="8"/>
      <c r="AU58" s="8"/>
      <c r="AV58" s="8"/>
      <c r="AW58" s="8"/>
      <c r="AX58" s="8"/>
      <c r="AY58" s="8"/>
      <c r="AZ58" s="8"/>
      <c r="BA58" s="8"/>
      <c r="BB58" s="8"/>
      <c r="BC58" s="8"/>
      <c r="BD58" s="8"/>
      <c r="BE58" s="8"/>
      <c r="BF58" s="8"/>
      <c r="BG58" s="8"/>
      <c r="BH58" s="8"/>
      <c r="BI58" s="8"/>
      <c r="BJ58" s="8"/>
      <c r="BK58" s="8"/>
      <c r="BL58" s="8"/>
      <c r="BM58" s="8"/>
      <c r="BN58" s="8"/>
    </row>
    <row r="59" spans="15:66" ht="10.5" customHeight="1" x14ac:dyDescent="0.15">
      <c r="AD59" s="8"/>
      <c r="AE59" s="8"/>
      <c r="AF59" s="8"/>
      <c r="AG59" s="8"/>
      <c r="AH59" s="8"/>
      <c r="AI59" s="8"/>
      <c r="AJ59" s="8"/>
      <c r="AK59" s="8"/>
      <c r="AL59" s="8"/>
      <c r="AM59" s="8"/>
      <c r="AN59" s="8"/>
      <c r="AO59" s="8"/>
      <c r="AP59" s="8"/>
      <c r="AQ59" s="8"/>
      <c r="AR59" s="8"/>
      <c r="AS59" s="8"/>
      <c r="AT59" s="8"/>
      <c r="AU59" s="8"/>
      <c r="AV59" s="8"/>
      <c r="AW59" s="8"/>
      <c r="AX59" s="8"/>
      <c r="AY59" s="8"/>
      <c r="AZ59" s="8"/>
      <c r="BA59" s="8"/>
      <c r="BB59" s="8"/>
      <c r="BC59" s="8"/>
      <c r="BD59" s="8"/>
      <c r="BE59" s="8"/>
      <c r="BF59" s="8"/>
      <c r="BG59" s="8"/>
      <c r="BH59" s="8"/>
      <c r="BI59" s="8"/>
      <c r="BJ59" s="8"/>
      <c r="BK59" s="8"/>
      <c r="BL59" s="8"/>
      <c r="BM59" s="8"/>
      <c r="BN59" s="8"/>
    </row>
    <row r="60" spans="15:66" ht="10.5" customHeight="1" x14ac:dyDescent="0.15">
      <c r="AD60" s="8"/>
      <c r="AE60" s="8"/>
      <c r="AF60" s="8"/>
      <c r="AG60" s="8"/>
      <c r="AH60" s="8"/>
      <c r="AI60" s="8"/>
      <c r="AJ60" s="8"/>
      <c r="AK60" s="8"/>
      <c r="AL60" s="8"/>
      <c r="AM60" s="8"/>
      <c r="AN60" s="8"/>
      <c r="AO60" s="8"/>
      <c r="AP60" s="8"/>
      <c r="AQ60" s="8"/>
      <c r="AR60" s="8"/>
      <c r="AS60" s="8"/>
      <c r="AT60" s="8"/>
      <c r="AU60" s="8"/>
      <c r="AV60" s="8"/>
      <c r="AW60" s="8"/>
      <c r="AX60" s="8"/>
      <c r="AY60" s="8"/>
      <c r="AZ60" s="8"/>
      <c r="BA60" s="8"/>
      <c r="BB60" s="8"/>
      <c r="BC60" s="8"/>
      <c r="BD60" s="8"/>
      <c r="BE60" s="8"/>
      <c r="BF60" s="8"/>
      <c r="BG60" s="8"/>
      <c r="BH60" s="8"/>
      <c r="BI60" s="8"/>
      <c r="BJ60" s="8"/>
      <c r="BK60" s="8"/>
      <c r="BL60" s="8"/>
      <c r="BM60" s="8"/>
      <c r="BN60" s="8"/>
    </row>
    <row r="61" spans="15:66" ht="10.5" customHeight="1" x14ac:dyDescent="0.15">
      <c r="AD61" s="8"/>
      <c r="AE61" s="8"/>
      <c r="AF61" s="8"/>
      <c r="AG61" s="8"/>
      <c r="AH61" s="8"/>
      <c r="AI61" s="8"/>
      <c r="AJ61" s="8"/>
      <c r="AK61" s="8"/>
      <c r="AL61" s="8"/>
      <c r="AM61" s="8"/>
      <c r="AN61" s="8"/>
      <c r="AO61" s="8"/>
      <c r="AP61" s="8"/>
      <c r="AQ61" s="8"/>
      <c r="AR61" s="8"/>
      <c r="AS61" s="8"/>
      <c r="AT61" s="8"/>
      <c r="AU61" s="8"/>
      <c r="AV61" s="8"/>
      <c r="AW61" s="8"/>
      <c r="AX61" s="8"/>
      <c r="AY61" s="8"/>
      <c r="AZ61" s="8"/>
      <c r="BA61" s="8"/>
      <c r="BB61" s="8"/>
      <c r="BC61" s="8"/>
      <c r="BD61" s="8"/>
      <c r="BE61" s="8"/>
      <c r="BF61" s="8"/>
      <c r="BG61" s="8"/>
      <c r="BH61" s="8"/>
      <c r="BI61" s="8"/>
      <c r="BJ61" s="8"/>
      <c r="BK61" s="8"/>
      <c r="BL61" s="8"/>
      <c r="BM61" s="8"/>
      <c r="BN61" s="8"/>
    </row>
    <row r="62" spans="15:66" ht="10.5" customHeight="1" x14ac:dyDescent="0.15">
      <c r="AD62" s="8"/>
      <c r="AE62" s="8"/>
      <c r="AF62" s="8"/>
      <c r="AG62" s="8"/>
      <c r="AH62" s="8"/>
      <c r="AI62" s="8"/>
      <c r="AJ62" s="8"/>
      <c r="AK62" s="8"/>
      <c r="AL62" s="8"/>
      <c r="AM62" s="8"/>
      <c r="AN62" s="8"/>
      <c r="AO62" s="8"/>
      <c r="AP62" s="8"/>
      <c r="AQ62" s="8"/>
      <c r="AR62" s="8"/>
      <c r="AS62" s="8"/>
      <c r="AT62" s="8"/>
      <c r="AU62" s="8"/>
      <c r="AV62" s="8"/>
      <c r="AW62" s="8"/>
      <c r="AX62" s="8"/>
      <c r="AY62" s="8"/>
      <c r="AZ62" s="8"/>
      <c r="BA62" s="8"/>
      <c r="BB62" s="8"/>
      <c r="BC62" s="8"/>
      <c r="BD62" s="8"/>
      <c r="BE62" s="8"/>
      <c r="BF62" s="8"/>
      <c r="BG62" s="8"/>
      <c r="BH62" s="8"/>
      <c r="BI62" s="8"/>
      <c r="BJ62" s="8"/>
      <c r="BK62" s="8"/>
      <c r="BL62" s="8"/>
      <c r="BM62" s="8"/>
      <c r="BN62" s="8"/>
    </row>
    <row r="63" spans="15:66" ht="10.5" customHeight="1" x14ac:dyDescent="0.15">
      <c r="AD63" s="8"/>
      <c r="AE63" s="8"/>
      <c r="AF63" s="8"/>
      <c r="AG63" s="8"/>
      <c r="AH63" s="8"/>
      <c r="AI63" s="8"/>
      <c r="AJ63" s="8"/>
      <c r="AK63" s="8"/>
      <c r="AL63" s="8"/>
      <c r="AM63" s="8"/>
      <c r="AN63" s="8"/>
      <c r="AO63" s="8"/>
      <c r="AP63" s="8"/>
      <c r="AQ63" s="8"/>
      <c r="AR63" s="8"/>
      <c r="AS63" s="8"/>
      <c r="AT63" s="8"/>
      <c r="AU63" s="8"/>
      <c r="AV63" s="8"/>
      <c r="AW63" s="8"/>
      <c r="AX63" s="8"/>
      <c r="AY63" s="8"/>
      <c r="AZ63" s="8"/>
      <c r="BA63" s="8"/>
      <c r="BB63" s="8"/>
      <c r="BC63" s="8"/>
      <c r="BD63" s="8"/>
      <c r="BE63" s="8"/>
      <c r="BF63" s="8"/>
      <c r="BG63" s="8"/>
      <c r="BH63" s="8"/>
      <c r="BI63" s="8"/>
      <c r="BJ63" s="8"/>
      <c r="BK63" s="8"/>
      <c r="BL63" s="8"/>
      <c r="BM63" s="8"/>
      <c r="BN63" s="8"/>
    </row>
    <row r="64" spans="15:66" ht="10.5" customHeight="1" x14ac:dyDescent="0.15">
      <c r="AD64" s="8"/>
      <c r="AE64" s="8"/>
      <c r="AF64" s="8"/>
      <c r="AG64" s="8"/>
      <c r="AH64" s="8"/>
      <c r="AI64" s="8"/>
      <c r="AJ64" s="8"/>
      <c r="AK64" s="8"/>
      <c r="AL64" s="8"/>
      <c r="AM64" s="8"/>
      <c r="AN64" s="8"/>
      <c r="AO64" s="8"/>
      <c r="AP64" s="8"/>
      <c r="AQ64" s="8"/>
      <c r="AR64" s="8"/>
      <c r="AS64" s="8"/>
      <c r="AT64" s="8"/>
      <c r="AU64" s="8"/>
      <c r="AV64" s="8"/>
      <c r="AW64" s="8"/>
      <c r="AX64" s="8"/>
      <c r="AY64" s="8"/>
      <c r="AZ64" s="8"/>
      <c r="BA64" s="8"/>
      <c r="BB64" s="8"/>
      <c r="BC64" s="8"/>
      <c r="BD64" s="8"/>
      <c r="BE64" s="8"/>
      <c r="BF64" s="8"/>
      <c r="BG64" s="8"/>
      <c r="BH64" s="8"/>
      <c r="BI64" s="8"/>
      <c r="BJ64" s="8"/>
      <c r="BK64" s="8"/>
      <c r="BL64" s="8"/>
      <c r="BM64" s="8"/>
      <c r="BN64" s="8"/>
    </row>
    <row r="65" spans="30:66" ht="10.5" customHeight="1" x14ac:dyDescent="0.15">
      <c r="AD65" s="8"/>
      <c r="AE65" s="8"/>
      <c r="AF65" s="8"/>
      <c r="AG65" s="8"/>
      <c r="AH65" s="8"/>
      <c r="AI65" s="8"/>
      <c r="AJ65" s="8"/>
      <c r="AK65" s="8"/>
      <c r="AL65" s="8"/>
      <c r="AM65" s="8"/>
      <c r="AN65" s="8"/>
      <c r="AO65" s="8"/>
      <c r="AP65" s="8"/>
      <c r="AQ65" s="8"/>
      <c r="AR65" s="8"/>
      <c r="AS65" s="8"/>
      <c r="AT65" s="8"/>
      <c r="AU65" s="8"/>
      <c r="AV65" s="8"/>
      <c r="AW65" s="8"/>
      <c r="AX65" s="8"/>
      <c r="AY65" s="8"/>
      <c r="AZ65" s="8"/>
      <c r="BA65" s="8"/>
      <c r="BB65" s="8"/>
      <c r="BC65" s="8"/>
      <c r="BD65" s="8"/>
      <c r="BE65" s="8"/>
      <c r="BF65" s="8"/>
      <c r="BG65" s="8"/>
      <c r="BH65" s="8"/>
      <c r="BI65" s="8"/>
      <c r="BJ65" s="8"/>
      <c r="BK65" s="8"/>
      <c r="BL65" s="8"/>
      <c r="BM65" s="8"/>
      <c r="BN65" s="8"/>
    </row>
    <row r="66" spans="30:66" ht="10.5" customHeight="1" x14ac:dyDescent="0.15">
      <c r="AD66" s="8"/>
      <c r="AE66" s="8"/>
      <c r="AF66" s="8"/>
      <c r="AG66" s="8"/>
      <c r="AH66" s="8"/>
      <c r="AI66" s="8"/>
      <c r="AJ66" s="8"/>
      <c r="AK66" s="8"/>
      <c r="AL66" s="8"/>
      <c r="AM66" s="8"/>
      <c r="AN66" s="8"/>
      <c r="AO66" s="8"/>
      <c r="AP66" s="8"/>
      <c r="AQ66" s="8"/>
      <c r="AR66" s="8"/>
      <c r="AS66" s="8"/>
      <c r="AT66" s="8"/>
      <c r="AU66" s="8"/>
      <c r="AV66" s="8"/>
      <c r="AW66" s="8"/>
      <c r="AX66" s="8"/>
      <c r="AY66" s="8"/>
      <c r="AZ66" s="8"/>
      <c r="BA66" s="8"/>
      <c r="BB66" s="8"/>
      <c r="BC66" s="8"/>
      <c r="BD66" s="8"/>
      <c r="BE66" s="8"/>
      <c r="BF66" s="8"/>
      <c r="BG66" s="8"/>
      <c r="BH66" s="8"/>
      <c r="BI66" s="8"/>
      <c r="BJ66" s="8"/>
      <c r="BK66" s="8"/>
      <c r="BL66" s="8"/>
      <c r="BM66" s="8"/>
      <c r="BN66" s="8"/>
    </row>
    <row r="67" spans="30:66" ht="10.5" customHeight="1" x14ac:dyDescent="0.15">
      <c r="AD67" s="8"/>
      <c r="AE67" s="8"/>
      <c r="AF67" s="8"/>
      <c r="AG67" s="8"/>
      <c r="AH67" s="8"/>
      <c r="AI67" s="8"/>
      <c r="AJ67" s="8"/>
      <c r="AK67" s="8"/>
      <c r="AL67" s="8"/>
      <c r="AM67" s="8"/>
      <c r="AN67" s="8"/>
      <c r="AO67" s="8"/>
      <c r="AP67" s="8"/>
      <c r="AQ67" s="8"/>
      <c r="AR67" s="8"/>
      <c r="AS67" s="8"/>
      <c r="AT67" s="8"/>
      <c r="AU67" s="8"/>
      <c r="AV67" s="8"/>
      <c r="AW67" s="8"/>
      <c r="AX67" s="8"/>
      <c r="AY67" s="8"/>
      <c r="AZ67" s="8"/>
      <c r="BA67" s="8"/>
      <c r="BB67" s="8"/>
      <c r="BC67" s="8"/>
      <c r="BD67" s="8"/>
      <c r="BE67" s="8"/>
      <c r="BF67" s="8"/>
      <c r="BG67" s="8"/>
      <c r="BH67" s="8"/>
      <c r="BI67" s="8"/>
      <c r="BJ67" s="8"/>
      <c r="BK67" s="8"/>
      <c r="BL67" s="8"/>
      <c r="BM67" s="8"/>
      <c r="BN67" s="8"/>
    </row>
    <row r="68" spans="30:66" ht="10.5" customHeight="1" x14ac:dyDescent="0.15">
      <c r="AD68" s="8"/>
      <c r="AE68" s="8"/>
      <c r="AF68" s="8"/>
      <c r="AG68" s="8"/>
      <c r="AH68" s="8"/>
      <c r="AI68" s="8"/>
      <c r="AJ68" s="8"/>
      <c r="AK68" s="8"/>
      <c r="AL68" s="8"/>
      <c r="AM68" s="8"/>
      <c r="AN68" s="8"/>
      <c r="AO68" s="8"/>
      <c r="AP68" s="8"/>
      <c r="AQ68" s="8"/>
      <c r="AR68" s="8"/>
      <c r="AS68" s="8"/>
      <c r="AT68" s="8"/>
      <c r="AU68" s="8"/>
      <c r="AV68" s="8"/>
      <c r="AW68" s="8"/>
      <c r="AX68" s="8"/>
      <c r="AY68" s="8"/>
      <c r="AZ68" s="8"/>
      <c r="BA68" s="8"/>
      <c r="BB68" s="8"/>
      <c r="BC68" s="8"/>
      <c r="BD68" s="8"/>
      <c r="BE68" s="8"/>
      <c r="BF68" s="8"/>
      <c r="BG68" s="8"/>
      <c r="BH68" s="8"/>
      <c r="BI68" s="8"/>
      <c r="BJ68" s="8"/>
      <c r="BK68" s="8"/>
      <c r="BL68" s="8"/>
      <c r="BM68" s="8"/>
      <c r="BN68" s="8"/>
    </row>
    <row r="69" spans="30:66" ht="10.5" customHeight="1" x14ac:dyDescent="0.15">
      <c r="AD69" s="8"/>
      <c r="AE69" s="8"/>
      <c r="AF69" s="8"/>
      <c r="AG69" s="8"/>
      <c r="AH69" s="8"/>
      <c r="AI69" s="8"/>
      <c r="AJ69" s="8"/>
      <c r="AK69" s="8"/>
      <c r="AL69" s="8"/>
      <c r="AM69" s="8"/>
      <c r="AN69" s="8"/>
      <c r="AO69" s="8"/>
      <c r="AP69" s="8"/>
      <c r="AQ69" s="8"/>
      <c r="AR69" s="8"/>
      <c r="AS69" s="8"/>
      <c r="AT69" s="8"/>
      <c r="AU69" s="8"/>
      <c r="AV69" s="8"/>
      <c r="AW69" s="8"/>
      <c r="AX69" s="8"/>
      <c r="AY69" s="8"/>
      <c r="AZ69" s="8"/>
      <c r="BA69" s="8"/>
      <c r="BB69" s="8"/>
      <c r="BC69" s="8"/>
      <c r="BD69" s="8"/>
      <c r="BE69" s="8"/>
      <c r="BF69" s="8"/>
      <c r="BG69" s="8"/>
      <c r="BH69" s="8"/>
      <c r="BI69" s="8"/>
      <c r="BJ69" s="8"/>
      <c r="BK69" s="8"/>
      <c r="BL69" s="8"/>
      <c r="BM69" s="8"/>
      <c r="BN69" s="8"/>
    </row>
    <row r="70" spans="30:66" ht="10.5" customHeight="1" x14ac:dyDescent="0.15">
      <c r="AD70" s="8"/>
      <c r="AE70" s="8"/>
      <c r="AF70" s="8"/>
      <c r="AG70" s="8"/>
      <c r="AH70" s="8"/>
      <c r="AI70" s="8"/>
      <c r="AJ70" s="8"/>
      <c r="AK70" s="8"/>
      <c r="AL70" s="8"/>
      <c r="AM70" s="8"/>
      <c r="AN70" s="8"/>
      <c r="AO70" s="8"/>
      <c r="AP70" s="8"/>
      <c r="AQ70" s="8"/>
      <c r="AR70" s="8"/>
      <c r="AS70" s="8"/>
      <c r="AT70" s="8"/>
      <c r="AU70" s="8"/>
      <c r="AV70" s="8"/>
      <c r="AW70" s="8"/>
      <c r="AX70" s="8"/>
      <c r="AY70" s="8"/>
      <c r="AZ70" s="8"/>
      <c r="BA70" s="8"/>
      <c r="BB70" s="8"/>
      <c r="BC70" s="8"/>
      <c r="BD70" s="8"/>
      <c r="BE70" s="8"/>
      <c r="BF70" s="8"/>
      <c r="BG70" s="8"/>
      <c r="BH70" s="8"/>
      <c r="BI70" s="8"/>
      <c r="BJ70" s="8"/>
      <c r="BK70" s="8"/>
      <c r="BL70" s="8"/>
      <c r="BM70" s="8"/>
      <c r="BN70" s="8"/>
    </row>
    <row r="71" spans="30:66" ht="10.5" customHeight="1" x14ac:dyDescent="0.15">
      <c r="AD71" s="8"/>
      <c r="AE71" s="8"/>
      <c r="AF71" s="8"/>
      <c r="AG71" s="8"/>
      <c r="AH71" s="8"/>
      <c r="AI71" s="8"/>
      <c r="AJ71" s="8"/>
      <c r="AK71" s="8"/>
      <c r="AL71" s="8"/>
      <c r="AM71" s="8"/>
      <c r="AN71" s="8"/>
      <c r="AO71" s="8"/>
      <c r="AP71" s="8"/>
      <c r="AQ71" s="8"/>
      <c r="AR71" s="8"/>
      <c r="AS71" s="8"/>
      <c r="AT71" s="8"/>
      <c r="AU71" s="8"/>
      <c r="AV71" s="8"/>
      <c r="AW71" s="8"/>
      <c r="AX71" s="8"/>
      <c r="AY71" s="8"/>
      <c r="AZ71" s="8"/>
      <c r="BA71" s="8"/>
      <c r="BB71" s="8"/>
      <c r="BC71" s="8"/>
      <c r="BD71" s="8"/>
      <c r="BE71" s="8"/>
      <c r="BF71" s="8"/>
      <c r="BG71" s="8"/>
      <c r="BH71" s="8"/>
      <c r="BI71" s="8"/>
      <c r="BJ71" s="8"/>
      <c r="BK71" s="8"/>
      <c r="BL71" s="8"/>
      <c r="BM71" s="8"/>
      <c r="BN71" s="8"/>
    </row>
    <row r="72" spans="30:66" ht="10.5" customHeight="1" x14ac:dyDescent="0.15">
      <c r="AD72" s="8"/>
      <c r="AE72" s="8"/>
      <c r="AF72" s="8"/>
      <c r="AG72" s="8"/>
      <c r="AH72" s="8"/>
      <c r="AI72" s="8"/>
      <c r="AJ72" s="8"/>
      <c r="AK72" s="8"/>
      <c r="AL72" s="8"/>
      <c r="AM72" s="8"/>
      <c r="AN72" s="8"/>
      <c r="AO72" s="8"/>
      <c r="AP72" s="8"/>
      <c r="AQ72" s="8"/>
      <c r="AR72" s="8"/>
      <c r="AS72" s="8"/>
      <c r="AT72" s="8"/>
      <c r="AU72" s="8"/>
      <c r="AV72" s="8"/>
      <c r="AW72" s="8"/>
      <c r="AX72" s="8"/>
      <c r="AY72" s="8"/>
      <c r="AZ72" s="8"/>
      <c r="BA72" s="8"/>
      <c r="BB72" s="8"/>
      <c r="BC72" s="8"/>
      <c r="BD72" s="8"/>
      <c r="BE72" s="8"/>
      <c r="BF72" s="8"/>
      <c r="BG72" s="8"/>
      <c r="BH72" s="8"/>
      <c r="BI72" s="8"/>
      <c r="BJ72" s="8"/>
      <c r="BK72" s="8"/>
      <c r="BL72" s="8"/>
      <c r="BM72" s="8"/>
      <c r="BN72" s="8"/>
    </row>
    <row r="73" spans="30:66" ht="10.5" customHeight="1" x14ac:dyDescent="0.15">
      <c r="AD73" s="8"/>
      <c r="AE73" s="8"/>
      <c r="AF73" s="8"/>
      <c r="AG73" s="8"/>
      <c r="AH73" s="8"/>
      <c r="AI73" s="8"/>
      <c r="AJ73" s="8"/>
      <c r="AK73" s="8"/>
      <c r="AL73" s="8"/>
      <c r="AM73" s="8"/>
      <c r="AN73" s="8"/>
      <c r="AO73" s="8"/>
      <c r="AP73" s="8"/>
      <c r="AQ73" s="8"/>
      <c r="AR73" s="8"/>
      <c r="AS73" s="8"/>
      <c r="AT73" s="8"/>
      <c r="AU73" s="8"/>
      <c r="AV73" s="8"/>
      <c r="AW73" s="8"/>
      <c r="AX73" s="8"/>
      <c r="AY73" s="8"/>
      <c r="AZ73" s="8"/>
      <c r="BA73" s="8"/>
      <c r="BB73" s="8"/>
      <c r="BC73" s="8"/>
      <c r="BD73" s="8"/>
      <c r="BE73" s="8"/>
      <c r="BF73" s="8"/>
      <c r="BG73" s="8"/>
      <c r="BH73" s="8"/>
      <c r="BI73" s="8"/>
      <c r="BJ73" s="8"/>
      <c r="BK73" s="8"/>
      <c r="BL73" s="8"/>
      <c r="BM73" s="8"/>
      <c r="BN73" s="8"/>
    </row>
    <row r="74" spans="30:66" ht="10.5" customHeight="1" x14ac:dyDescent="0.15">
      <c r="AD74" s="8"/>
      <c r="AE74" s="8"/>
      <c r="AF74" s="8"/>
      <c r="AG74" s="8"/>
      <c r="AH74" s="8"/>
      <c r="AI74" s="8"/>
      <c r="AJ74" s="8"/>
      <c r="AK74" s="8"/>
      <c r="AL74" s="8"/>
      <c r="AM74" s="8"/>
      <c r="AN74" s="8"/>
      <c r="AO74" s="8"/>
      <c r="AP74" s="8"/>
      <c r="AQ74" s="8"/>
      <c r="AR74" s="8"/>
      <c r="AS74" s="8"/>
      <c r="AT74" s="8"/>
      <c r="AU74" s="8"/>
      <c r="AV74" s="8"/>
      <c r="AW74" s="8"/>
      <c r="AX74" s="8"/>
      <c r="AY74" s="8"/>
      <c r="AZ74" s="8"/>
      <c r="BA74" s="8"/>
      <c r="BB74" s="8"/>
      <c r="BC74" s="8"/>
      <c r="BD74" s="8"/>
      <c r="BE74" s="8"/>
      <c r="BF74" s="8"/>
      <c r="BG74" s="8"/>
      <c r="BH74" s="8"/>
      <c r="BI74" s="8"/>
      <c r="BJ74" s="8"/>
      <c r="BK74" s="8"/>
      <c r="BL74" s="8"/>
      <c r="BM74" s="8"/>
      <c r="BN74" s="8"/>
    </row>
    <row r="75" spans="30:66" ht="10.5" customHeight="1" x14ac:dyDescent="0.15">
      <c r="AD75" s="8"/>
      <c r="AE75" s="8"/>
      <c r="AF75" s="8"/>
      <c r="AG75" s="8"/>
      <c r="AH75" s="8"/>
      <c r="AI75" s="8"/>
      <c r="AJ75" s="8"/>
      <c r="AK75" s="8"/>
      <c r="AL75" s="8"/>
      <c r="AM75" s="8"/>
      <c r="AN75" s="8"/>
      <c r="AO75" s="8"/>
      <c r="AP75" s="8"/>
      <c r="AQ75" s="8"/>
      <c r="AR75" s="8"/>
      <c r="AS75" s="8"/>
      <c r="AT75" s="8"/>
      <c r="AU75" s="8"/>
      <c r="AV75" s="8"/>
      <c r="AW75" s="8"/>
      <c r="AX75" s="8"/>
      <c r="AY75" s="8"/>
      <c r="AZ75" s="8"/>
      <c r="BA75" s="8"/>
      <c r="BB75" s="8"/>
      <c r="BC75" s="8"/>
      <c r="BD75" s="8"/>
      <c r="BE75" s="8"/>
      <c r="BF75" s="8"/>
      <c r="BG75" s="8"/>
      <c r="BH75" s="8"/>
      <c r="BI75" s="8"/>
      <c r="BJ75" s="8"/>
      <c r="BK75" s="8"/>
      <c r="BL75" s="8"/>
      <c r="BM75" s="8"/>
      <c r="BN75" s="8"/>
    </row>
    <row r="76" spans="30:66" ht="10.5" customHeight="1" x14ac:dyDescent="0.15">
      <c r="AD76" s="8"/>
      <c r="AE76" s="8"/>
      <c r="AF76" s="8"/>
      <c r="AG76" s="8"/>
      <c r="AH76" s="8"/>
      <c r="AI76" s="8"/>
      <c r="AJ76" s="8"/>
      <c r="AK76" s="8"/>
      <c r="AL76" s="8"/>
      <c r="AM76" s="8"/>
      <c r="AN76" s="8"/>
      <c r="AO76" s="8"/>
      <c r="AP76" s="8"/>
      <c r="AQ76" s="8"/>
      <c r="AR76" s="8"/>
      <c r="AS76" s="8"/>
      <c r="AT76" s="8"/>
      <c r="AU76" s="8"/>
      <c r="AV76" s="8"/>
      <c r="AW76" s="8"/>
      <c r="AX76" s="8"/>
      <c r="AY76" s="8"/>
      <c r="AZ76" s="8"/>
      <c r="BA76" s="8"/>
      <c r="BB76" s="8"/>
      <c r="BC76" s="8"/>
      <c r="BD76" s="8"/>
      <c r="BE76" s="8"/>
      <c r="BF76" s="8"/>
      <c r="BG76" s="8"/>
      <c r="BH76" s="8"/>
      <c r="BI76" s="8"/>
      <c r="BJ76" s="8"/>
      <c r="BK76" s="8"/>
      <c r="BL76" s="8"/>
      <c r="BM76" s="8"/>
      <c r="BN76" s="8"/>
    </row>
    <row r="77" spans="30:66" ht="10.5" customHeight="1" x14ac:dyDescent="0.15">
      <c r="AD77" s="8"/>
      <c r="AE77" s="8"/>
      <c r="AF77" s="8"/>
      <c r="AG77" s="8"/>
      <c r="AH77" s="8"/>
      <c r="AI77" s="8"/>
      <c r="AJ77" s="8"/>
      <c r="AK77" s="8"/>
      <c r="AL77" s="8"/>
      <c r="AM77" s="8"/>
      <c r="AN77" s="8"/>
      <c r="AO77" s="8"/>
      <c r="AP77" s="8"/>
      <c r="AQ77" s="8"/>
      <c r="AR77" s="8"/>
      <c r="AS77" s="8"/>
      <c r="AT77" s="8"/>
      <c r="AU77" s="8"/>
      <c r="AV77" s="8"/>
      <c r="AW77" s="8"/>
      <c r="AX77" s="8"/>
      <c r="AY77" s="8"/>
      <c r="AZ77" s="8"/>
      <c r="BA77" s="8"/>
      <c r="BB77" s="8"/>
      <c r="BC77" s="8"/>
      <c r="BD77" s="8"/>
      <c r="BE77" s="8"/>
      <c r="BF77" s="8"/>
      <c r="BG77" s="8"/>
      <c r="BH77" s="8"/>
      <c r="BI77" s="8"/>
      <c r="BJ77" s="8"/>
      <c r="BK77" s="8"/>
      <c r="BL77" s="8"/>
      <c r="BM77" s="8"/>
      <c r="BN77" s="8"/>
    </row>
    <row r="78" spans="30:66" ht="10.5" customHeight="1" x14ac:dyDescent="0.15">
      <c r="AD78" s="8"/>
      <c r="AE78" s="8"/>
      <c r="AF78" s="8"/>
      <c r="AG78" s="8"/>
      <c r="AH78" s="8"/>
      <c r="AI78" s="8"/>
      <c r="AJ78" s="8"/>
      <c r="AK78" s="8"/>
      <c r="AL78" s="8"/>
      <c r="AM78" s="8"/>
      <c r="AN78" s="8"/>
      <c r="AO78" s="8"/>
      <c r="AP78" s="8"/>
      <c r="AQ78" s="8"/>
      <c r="AR78" s="8"/>
      <c r="AS78" s="8"/>
      <c r="AT78" s="8"/>
      <c r="AU78" s="8"/>
      <c r="AV78" s="8"/>
      <c r="AW78" s="8"/>
      <c r="AX78" s="8"/>
      <c r="AY78" s="8"/>
      <c r="AZ78" s="8"/>
      <c r="BA78" s="8"/>
      <c r="BB78" s="8"/>
      <c r="BC78" s="8"/>
      <c r="BD78" s="8"/>
      <c r="BE78" s="8"/>
      <c r="BF78" s="8"/>
      <c r="BG78" s="8"/>
      <c r="BH78" s="8"/>
      <c r="BI78" s="8"/>
      <c r="BJ78" s="8"/>
      <c r="BK78" s="8"/>
      <c r="BL78" s="8"/>
      <c r="BM78" s="8"/>
      <c r="BN78" s="8"/>
    </row>
  </sheetData>
  <mergeCells count="34">
    <mergeCell ref="A3:B6"/>
    <mergeCell ref="C3:N3"/>
    <mergeCell ref="O3:P6"/>
    <mergeCell ref="Q3:AA3"/>
    <mergeCell ref="AB3:AC6"/>
    <mergeCell ref="C5:E5"/>
    <mergeCell ref="Q4:S5"/>
    <mergeCell ref="T4:V5"/>
    <mergeCell ref="W4:Y5"/>
    <mergeCell ref="Z4:AA5"/>
    <mergeCell ref="AD4:AD5"/>
    <mergeCell ref="AD3:AJ3"/>
    <mergeCell ref="AE4:AF5"/>
    <mergeCell ref="AG4:AH5"/>
    <mergeCell ref="AI4:AJ5"/>
    <mergeCell ref="AO5:AO6"/>
    <mergeCell ref="AK3:AL5"/>
    <mergeCell ref="AM3:AO4"/>
    <mergeCell ref="AR3:AS6"/>
    <mergeCell ref="AT3:BA4"/>
    <mergeCell ref="F5:H5"/>
    <mergeCell ref="I5:K5"/>
    <mergeCell ref="L5:N5"/>
    <mergeCell ref="AM5:AM6"/>
    <mergeCell ref="AN5:AN6"/>
    <mergeCell ref="A48:B48"/>
    <mergeCell ref="O48:P48"/>
    <mergeCell ref="AB48:AC48"/>
    <mergeCell ref="A40:B40"/>
    <mergeCell ref="O40:P40"/>
    <mergeCell ref="AB40:AC40"/>
    <mergeCell ref="A47:B47"/>
    <mergeCell ref="O47:P47"/>
    <mergeCell ref="AB47:AC47"/>
  </mergeCells>
  <phoneticPr fontId="2"/>
  <pageMargins left="0.7" right="0.7" top="0.75" bottom="0.75" header="0.3" footer="0.3"/>
  <pageSetup paperSize="9" scale="82" orientation="landscape" blackAndWhite="1" r:id="rId1"/>
  <headerFooter alignWithMargins="0"/>
  <colBreaks count="2" manualBreakCount="2">
    <brk id="14" max="48" man="1"/>
    <brk id="27" max="4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第15表6～8</vt:lpstr>
      <vt:lpstr>'第15表6～8'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6:37:02Z</cp:lastPrinted>
  <dcterms:created xsi:type="dcterms:W3CDTF">2018-03-07T05:47:37Z</dcterms:created>
  <dcterms:modified xsi:type="dcterms:W3CDTF">2018-03-08T06:37:12Z</dcterms:modified>
</cp:coreProperties>
</file>